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12.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notesSlides/notesSlide13.xml" ContentType="application/vnd.openxmlformats-officedocument.presentationml.notesSlide+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29"/>
  </p:notesMasterIdLst>
  <p:handoutMasterIdLst>
    <p:handoutMasterId r:id="rId30"/>
  </p:handoutMasterIdLst>
  <p:sldIdLst>
    <p:sldId id="493" r:id="rId5"/>
    <p:sldId id="6872" r:id="rId6"/>
    <p:sldId id="6877" r:id="rId7"/>
    <p:sldId id="769" r:id="rId8"/>
    <p:sldId id="761" r:id="rId9"/>
    <p:sldId id="550" r:id="rId10"/>
    <p:sldId id="838840131" r:id="rId11"/>
    <p:sldId id="6898" r:id="rId12"/>
    <p:sldId id="6884" r:id="rId13"/>
    <p:sldId id="6869" r:id="rId14"/>
    <p:sldId id="594" r:id="rId15"/>
    <p:sldId id="595" r:id="rId16"/>
    <p:sldId id="838840126" r:id="rId17"/>
    <p:sldId id="6870" r:id="rId18"/>
    <p:sldId id="6868" r:id="rId19"/>
    <p:sldId id="6879" r:id="rId20"/>
    <p:sldId id="6895" r:id="rId21"/>
    <p:sldId id="838840129" r:id="rId22"/>
    <p:sldId id="575" r:id="rId23"/>
    <p:sldId id="2147307466" r:id="rId24"/>
    <p:sldId id="2147307467" r:id="rId25"/>
    <p:sldId id="6890" r:id="rId26"/>
    <p:sldId id="6899" r:id="rId27"/>
    <p:sldId id="583" r:id="rId28"/>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8DA70"/>
    <a:srgbClr val="B20E12"/>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1A18AF6-1435-42F9-8967-77A05D84634E}" v="60" dt="2021-02-25T14:07:50.104"/>
  </p1510:revLst>
</p1510:revInfo>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35" autoAdjust="0"/>
    <p:restoredTop sz="93817" autoAdjust="0"/>
  </p:normalViewPr>
  <p:slideViewPr>
    <p:cSldViewPr snapToGrid="0">
      <p:cViewPr varScale="1">
        <p:scale>
          <a:sx n="79" d="100"/>
          <a:sy n="79" d="100"/>
        </p:scale>
        <p:origin x="836" y="56"/>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presProps" Target="presProps.xml"/><Relationship Id="rId37"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handoutMaster" Target="handoutMasters/handoutMaster1.xml"/><Relationship Id="rId35"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41A18AF6-1435-42F9-8967-77A05D84634E}"/>
    <pc:docChg chg="undo custSel addSld delSld modSld sldOrd">
      <pc:chgData name="Ajwaliya, Nishit" userId="d6171631-3d08-453d-8afd-2dc62a5026e2" providerId="ADAL" clId="{41A18AF6-1435-42F9-8967-77A05D84634E}" dt="2021-02-25T14:08:32.977" v="910" actId="20577"/>
      <pc:docMkLst>
        <pc:docMk/>
      </pc:docMkLst>
      <pc:sldChg chg="modSp">
        <pc:chgData name="Ajwaliya, Nishit" userId="d6171631-3d08-453d-8afd-2dc62a5026e2" providerId="ADAL" clId="{41A18AF6-1435-42F9-8967-77A05D84634E}" dt="2021-02-25T12:43:47.665" v="827" actId="20577"/>
        <pc:sldMkLst>
          <pc:docMk/>
          <pc:sldMk cId="2874908917" sldId="493"/>
        </pc:sldMkLst>
        <pc:spChg chg="mod">
          <ac:chgData name="Ajwaliya, Nishit" userId="d6171631-3d08-453d-8afd-2dc62a5026e2" providerId="ADAL" clId="{41A18AF6-1435-42F9-8967-77A05D84634E}" dt="2021-02-25T12:43:47.665" v="827" actId="20577"/>
          <ac:spMkLst>
            <pc:docMk/>
            <pc:sldMk cId="2874908917" sldId="493"/>
            <ac:spMk id="18" creationId="{220D7A5C-41FB-4A52-9B12-B489A9754A5D}"/>
          </ac:spMkLst>
        </pc:spChg>
        <pc:spChg chg="mod">
          <ac:chgData name="Ajwaliya, Nishit" userId="d6171631-3d08-453d-8afd-2dc62a5026e2" providerId="ADAL" clId="{41A18AF6-1435-42F9-8967-77A05D84634E}" dt="2021-02-08T13:23:59.531" v="427" actId="20577"/>
          <ac:spMkLst>
            <pc:docMk/>
            <pc:sldMk cId="2874908917" sldId="493"/>
            <ac:spMk id="19" creationId="{948126CF-A5B8-47CE-AA62-DD2EDDE837D6}"/>
          </ac:spMkLst>
        </pc:spChg>
      </pc:sldChg>
      <pc:sldChg chg="modSp add del ord">
        <pc:chgData name="Ajwaliya, Nishit" userId="d6171631-3d08-453d-8afd-2dc62a5026e2" providerId="ADAL" clId="{41A18AF6-1435-42F9-8967-77A05D84634E}" dt="2021-02-24T15:36:01.843" v="787"/>
        <pc:sldMkLst>
          <pc:docMk/>
          <pc:sldMk cId="2066171683" sldId="595"/>
        </pc:sldMkLst>
        <pc:spChg chg="mod">
          <ac:chgData name="Ajwaliya, Nishit" userId="d6171631-3d08-453d-8afd-2dc62a5026e2" providerId="ADAL" clId="{41A18AF6-1435-42F9-8967-77A05D84634E}" dt="2021-02-17T19:36:52.800" v="733"/>
          <ac:spMkLst>
            <pc:docMk/>
            <pc:sldMk cId="2066171683" sldId="595"/>
            <ac:spMk id="57" creationId="{10AF472D-7563-4DB8-BDAB-F8D16170DDFF}"/>
          </ac:spMkLst>
        </pc:spChg>
      </pc:sldChg>
      <pc:sldChg chg="addSp delSp modSp">
        <pc:chgData name="Ajwaliya, Nishit" userId="d6171631-3d08-453d-8afd-2dc62a5026e2" providerId="ADAL" clId="{41A18AF6-1435-42F9-8967-77A05D84634E}" dt="2021-02-23T13:51:48.345" v="738" actId="20577"/>
        <pc:sldMkLst>
          <pc:docMk/>
          <pc:sldMk cId="1905299494" sldId="761"/>
        </pc:sldMkLst>
        <pc:spChg chg="add mod">
          <ac:chgData name="Ajwaliya, Nishit" userId="d6171631-3d08-453d-8afd-2dc62a5026e2" providerId="ADAL" clId="{41A18AF6-1435-42F9-8967-77A05D84634E}" dt="2021-02-23T13:51:48.345" v="738" actId="20577"/>
          <ac:spMkLst>
            <pc:docMk/>
            <pc:sldMk cId="1905299494" sldId="761"/>
            <ac:spMk id="4" creationId="{93006EA8-A527-4BB3-A54A-ECCD308192A9}"/>
          </ac:spMkLst>
        </pc:spChg>
        <pc:spChg chg="del mod">
          <ac:chgData name="Ajwaliya, Nishit" userId="d6171631-3d08-453d-8afd-2dc62a5026e2" providerId="ADAL" clId="{41A18AF6-1435-42F9-8967-77A05D84634E}" dt="2021-02-08T13:18:06.613" v="414" actId="478"/>
          <ac:spMkLst>
            <pc:docMk/>
            <pc:sldMk cId="1905299494" sldId="761"/>
            <ac:spMk id="5" creationId="{B024C103-4B18-4DC9-94D5-A166B433FC07}"/>
          </ac:spMkLst>
        </pc:spChg>
      </pc:sldChg>
      <pc:sldChg chg="add">
        <pc:chgData name="Ajwaliya, Nishit" userId="d6171631-3d08-453d-8afd-2dc62a5026e2" providerId="ADAL" clId="{41A18AF6-1435-42F9-8967-77A05D84634E}" dt="2021-02-25T14:07:50.095" v="879"/>
        <pc:sldMkLst>
          <pc:docMk/>
          <pc:sldMk cId="3013704212" sldId="6868"/>
        </pc:sldMkLst>
      </pc:sldChg>
      <pc:sldChg chg="modSp">
        <pc:chgData name="Ajwaliya, Nishit" userId="d6171631-3d08-453d-8afd-2dc62a5026e2" providerId="ADAL" clId="{41A18AF6-1435-42F9-8967-77A05D84634E}" dt="2021-02-25T14:08:32.977" v="910" actId="20577"/>
        <pc:sldMkLst>
          <pc:docMk/>
          <pc:sldMk cId="105799718" sldId="6872"/>
        </pc:sldMkLst>
        <pc:graphicFrameChg chg="mod modGraphic">
          <ac:chgData name="Ajwaliya, Nishit" userId="d6171631-3d08-453d-8afd-2dc62a5026e2" providerId="ADAL" clId="{41A18AF6-1435-42F9-8967-77A05D84634E}" dt="2021-02-25T14:08:32.977" v="910" actId="20577"/>
          <ac:graphicFrameMkLst>
            <pc:docMk/>
            <pc:sldMk cId="105799718" sldId="6872"/>
            <ac:graphicFrameMk id="4" creationId="{C384CB05-63A7-44C4-AFCB-5C0C6D6F50EE}"/>
          </ac:graphicFrameMkLst>
        </pc:graphicFrameChg>
      </pc:sldChg>
      <pc:sldChg chg="add">
        <pc:chgData name="Ajwaliya, Nishit" userId="d6171631-3d08-453d-8afd-2dc62a5026e2" providerId="ADAL" clId="{41A18AF6-1435-42F9-8967-77A05D84634E}" dt="2021-02-25T14:07:50.095" v="879"/>
        <pc:sldMkLst>
          <pc:docMk/>
          <pc:sldMk cId="3238259597" sldId="6879"/>
        </pc:sldMkLst>
      </pc:sldChg>
      <pc:sldChg chg="modSp">
        <pc:chgData name="Ajwaliya, Nishit" userId="d6171631-3d08-453d-8afd-2dc62a5026e2" providerId="ADAL" clId="{41A18AF6-1435-42F9-8967-77A05D84634E}" dt="2021-02-24T21:40:20.692" v="814" actId="20577"/>
        <pc:sldMkLst>
          <pc:docMk/>
          <pc:sldMk cId="2367798465" sldId="6890"/>
        </pc:sldMkLst>
        <pc:spChg chg="mod">
          <ac:chgData name="Ajwaliya, Nishit" userId="d6171631-3d08-453d-8afd-2dc62a5026e2" providerId="ADAL" clId="{41A18AF6-1435-42F9-8967-77A05D84634E}" dt="2021-02-24T21:40:20.692" v="814" actId="20577"/>
          <ac:spMkLst>
            <pc:docMk/>
            <pc:sldMk cId="2367798465" sldId="6890"/>
            <ac:spMk id="83" creationId="{46174FC6-413E-4C6C-BBBA-439B219DD174}"/>
          </ac:spMkLst>
        </pc:spChg>
        <pc:spChg chg="mod">
          <ac:chgData name="Ajwaliya, Nishit" userId="d6171631-3d08-453d-8afd-2dc62a5026e2" providerId="ADAL" clId="{41A18AF6-1435-42F9-8967-77A05D84634E}" dt="2021-02-24T02:26:22.751" v="774" actId="20577"/>
          <ac:spMkLst>
            <pc:docMk/>
            <pc:sldMk cId="2367798465" sldId="6890"/>
            <ac:spMk id="105" creationId="{B4573916-DB99-4B23-AC58-52569CC342AA}"/>
          </ac:spMkLst>
        </pc:spChg>
        <pc:spChg chg="mod">
          <ac:chgData name="Ajwaliya, Nishit" userId="d6171631-3d08-453d-8afd-2dc62a5026e2" providerId="ADAL" clId="{41A18AF6-1435-42F9-8967-77A05D84634E}" dt="2021-02-24T02:26:28.277" v="778" actId="20577"/>
          <ac:spMkLst>
            <pc:docMk/>
            <pc:sldMk cId="2367798465" sldId="6890"/>
            <ac:spMk id="126" creationId="{F24ED024-8BEE-474D-A1C7-731AE9E7D118}"/>
          </ac:spMkLst>
        </pc:spChg>
      </pc:sldChg>
      <pc:sldChg chg="modSp">
        <pc:chgData name="Ajwaliya, Nishit" userId="d6171631-3d08-453d-8afd-2dc62a5026e2" providerId="ADAL" clId="{41A18AF6-1435-42F9-8967-77A05D84634E}" dt="2021-02-08T13:17:07.520" v="411" actId="20577"/>
        <pc:sldMkLst>
          <pc:docMk/>
          <pc:sldMk cId="2337477801" sldId="6895"/>
        </pc:sldMkLst>
        <pc:spChg chg="mod">
          <ac:chgData name="Ajwaliya, Nishit" userId="d6171631-3d08-453d-8afd-2dc62a5026e2" providerId="ADAL" clId="{41A18AF6-1435-42F9-8967-77A05D84634E}" dt="2021-02-08T13:17:07.520" v="411" actId="20577"/>
          <ac:spMkLst>
            <pc:docMk/>
            <pc:sldMk cId="2337477801" sldId="6895"/>
            <ac:spMk id="57" creationId="{10AF472D-7563-4DB8-BDAB-F8D16170DDFF}"/>
          </ac:spMkLst>
        </pc:spChg>
      </pc:sldChg>
      <pc:sldChg chg="addSp delSp modSp">
        <pc:chgData name="Ajwaliya, Nishit" userId="d6171631-3d08-453d-8afd-2dc62a5026e2" providerId="ADAL" clId="{41A18AF6-1435-42F9-8967-77A05D84634E}" dt="2021-02-25T12:45:15.840" v="847" actId="20577"/>
        <pc:sldMkLst>
          <pc:docMk/>
          <pc:sldMk cId="2165238967" sldId="6898"/>
        </pc:sldMkLst>
        <pc:spChg chg="del mod">
          <ac:chgData name="Ajwaliya, Nishit" userId="d6171631-3d08-453d-8afd-2dc62a5026e2" providerId="ADAL" clId="{41A18AF6-1435-42F9-8967-77A05D84634E}" dt="2021-02-25T12:44:50.361" v="832" actId="478"/>
          <ac:spMkLst>
            <pc:docMk/>
            <pc:sldMk cId="2165238967" sldId="6898"/>
            <ac:spMk id="2" creationId="{25CC4FEA-E8B6-447E-A269-DE32E21A101F}"/>
          </ac:spMkLst>
        </pc:spChg>
        <pc:spChg chg="add mod">
          <ac:chgData name="Ajwaliya, Nishit" userId="d6171631-3d08-453d-8afd-2dc62a5026e2" providerId="ADAL" clId="{41A18AF6-1435-42F9-8967-77A05D84634E}" dt="2021-02-25T12:45:15.840" v="847" actId="20577"/>
          <ac:spMkLst>
            <pc:docMk/>
            <pc:sldMk cId="2165238967" sldId="6898"/>
            <ac:spMk id="77" creationId="{F1BAC85D-CBD4-441E-8CF1-114670BE6D91}"/>
          </ac:spMkLst>
        </pc:spChg>
      </pc:sldChg>
      <pc:sldChg chg="modSp add ord">
        <pc:chgData name="Ajwaliya, Nishit" userId="d6171631-3d08-453d-8afd-2dc62a5026e2" providerId="ADAL" clId="{41A18AF6-1435-42F9-8967-77A05D84634E}" dt="2021-02-23T13:55:54.937" v="767" actId="20577"/>
        <pc:sldMkLst>
          <pc:docMk/>
          <pc:sldMk cId="1568280710" sldId="6899"/>
        </pc:sldMkLst>
        <pc:spChg chg="mod">
          <ac:chgData name="Ajwaliya, Nishit" userId="d6171631-3d08-453d-8afd-2dc62a5026e2" providerId="ADAL" clId="{41A18AF6-1435-42F9-8967-77A05D84634E}" dt="2021-02-23T13:55:54.937" v="767" actId="20577"/>
          <ac:spMkLst>
            <pc:docMk/>
            <pc:sldMk cId="1568280710" sldId="6899"/>
            <ac:spMk id="5" creationId="{00000000-0000-0000-0000-000000000000}"/>
          </ac:spMkLst>
        </pc:spChg>
      </pc:sldChg>
      <pc:sldChg chg="modSp">
        <pc:chgData name="Ajwaliya, Nishit" userId="d6171631-3d08-453d-8afd-2dc62a5026e2" providerId="ADAL" clId="{41A18AF6-1435-42F9-8967-77A05D84634E}" dt="2021-02-25T12:47:32.787" v="872" actId="6549"/>
        <pc:sldMkLst>
          <pc:docMk/>
          <pc:sldMk cId="3898463491" sldId="838840126"/>
        </pc:sldMkLst>
        <pc:spChg chg="mod">
          <ac:chgData name="Ajwaliya, Nishit" userId="d6171631-3d08-453d-8afd-2dc62a5026e2" providerId="ADAL" clId="{41A18AF6-1435-42F9-8967-77A05D84634E}" dt="2021-02-25T12:47:32.787" v="872" actId="6549"/>
          <ac:spMkLst>
            <pc:docMk/>
            <pc:sldMk cId="3898463491" sldId="838840126"/>
            <ac:spMk id="82" creationId="{7B65162B-900E-4FA2-A877-EDEA9BA9D7E4}"/>
          </ac:spMkLst>
        </pc:spChg>
      </pc:sldChg>
      <pc:sldChg chg="add">
        <pc:chgData name="Ajwaliya, Nishit" userId="d6171631-3d08-453d-8afd-2dc62a5026e2" providerId="ADAL" clId="{41A18AF6-1435-42F9-8967-77A05D84634E}" dt="2021-02-16T16:50:15.695" v="730"/>
        <pc:sldMkLst>
          <pc:docMk/>
          <pc:sldMk cId="3539986506" sldId="838840129"/>
        </pc:sldMkLst>
      </pc:sldChg>
      <pc:sldChg chg="modSp">
        <pc:chgData name="Ajwaliya, Nishit" userId="d6171631-3d08-453d-8afd-2dc62a5026e2" providerId="ADAL" clId="{41A18AF6-1435-42F9-8967-77A05D84634E}" dt="2021-02-24T21:40:05.041" v="812" actId="20577"/>
        <pc:sldMkLst>
          <pc:docMk/>
          <pc:sldMk cId="2535754629" sldId="838840131"/>
        </pc:sldMkLst>
        <pc:graphicFrameChg chg="mod">
          <ac:chgData name="Ajwaliya, Nishit" userId="d6171631-3d08-453d-8afd-2dc62a5026e2" providerId="ADAL" clId="{41A18AF6-1435-42F9-8967-77A05D84634E}" dt="2021-02-24T21:40:05.041" v="812" actId="20577"/>
          <ac:graphicFrameMkLst>
            <pc:docMk/>
            <pc:sldMk cId="2535754629" sldId="838840131"/>
            <ac:graphicFrameMk id="91" creationId="{A215F9BC-BC23-4752-8295-B374A9A22F57}"/>
          </ac:graphicFrameMkLst>
        </pc:graphicFrameChg>
      </pc:sldChg>
      <pc:sldChg chg="add del ord">
        <pc:chgData name="Ajwaliya, Nishit" userId="d6171631-3d08-453d-8afd-2dc62a5026e2" providerId="ADAL" clId="{41A18AF6-1435-42F9-8967-77A05D84634E}" dt="2021-02-24T02:25:53.420" v="770"/>
        <pc:sldMkLst>
          <pc:docMk/>
          <pc:sldMk cId="2569511727" sldId="2147307467"/>
        </pc:sldMkLst>
      </pc:sldChg>
      <pc:sldChg chg="add del">
        <pc:chgData name="Ajwaliya, Nishit" userId="d6171631-3d08-453d-8afd-2dc62a5026e2" providerId="ADAL" clId="{41A18AF6-1435-42F9-8967-77A05D84634E}" dt="2021-02-24T15:35:58.813" v="785" actId="2696"/>
        <pc:sldMkLst>
          <pc:docMk/>
          <pc:sldMk cId="985667243" sldId="2147307468"/>
        </pc:sldMkLst>
      </pc:sldChg>
    </pc:docChg>
  </pc:docChgLst>
  <pc:docChgLst>
    <pc:chgData name="Ajwaliya, Nishit" userId="d6171631-3d08-453d-8afd-2dc62a5026e2" providerId="ADAL" clId="{4878476E-BB67-4ABE-AA96-6623B8671B77}"/>
    <pc:docChg chg="undo redo custSel addSld delSld modSld sldOrd">
      <pc:chgData name="Ajwaliya, Nishit" userId="d6171631-3d08-453d-8afd-2dc62a5026e2" providerId="ADAL" clId="{4878476E-BB67-4ABE-AA96-6623B8671B77}" dt="2020-12-23T19:40:57.173" v="1546" actId="20577"/>
      <pc:docMkLst>
        <pc:docMk/>
      </pc:docMkLst>
      <pc:sldChg chg="modSp">
        <pc:chgData name="Ajwaliya, Nishit" userId="d6171631-3d08-453d-8afd-2dc62a5026e2" providerId="ADAL" clId="{4878476E-BB67-4ABE-AA96-6623B8671B77}" dt="2020-12-23T19:40:57.173" v="1546" actId="20577"/>
        <pc:sldMkLst>
          <pc:docMk/>
          <pc:sldMk cId="2874908917" sldId="493"/>
        </pc:sldMkLst>
        <pc:spChg chg="mod">
          <ac:chgData name="Ajwaliya, Nishit" userId="d6171631-3d08-453d-8afd-2dc62a5026e2" providerId="ADAL" clId="{4878476E-BB67-4ABE-AA96-6623B8671B77}" dt="2020-12-23T19:40:57.173" v="1546" actId="20577"/>
          <ac:spMkLst>
            <pc:docMk/>
            <pc:sldMk cId="2874908917" sldId="493"/>
            <ac:spMk id="18" creationId="{220D7A5C-41FB-4A52-9B12-B489A9754A5D}"/>
          </ac:spMkLst>
        </pc:spChg>
      </pc:sldChg>
      <pc:sldChg chg="modSp">
        <pc:chgData name="Ajwaliya, Nishit" userId="d6171631-3d08-453d-8afd-2dc62a5026e2" providerId="ADAL" clId="{4878476E-BB67-4ABE-AA96-6623B8671B77}" dt="2020-12-22T23:10:07.818" v="1193" actId="20577"/>
        <pc:sldMkLst>
          <pc:docMk/>
          <pc:sldMk cId="1905299494" sldId="761"/>
        </pc:sldMkLst>
        <pc:spChg chg="mod">
          <ac:chgData name="Ajwaliya, Nishit" userId="d6171631-3d08-453d-8afd-2dc62a5026e2" providerId="ADAL" clId="{4878476E-BB67-4ABE-AA96-6623B8671B77}" dt="2020-12-22T23:10:07.818" v="1193" actId="20577"/>
          <ac:spMkLst>
            <pc:docMk/>
            <pc:sldMk cId="1905299494" sldId="761"/>
            <ac:spMk id="5" creationId="{B024C103-4B18-4DC9-94D5-A166B433FC07}"/>
          </ac:spMkLst>
        </pc:spChg>
      </pc:sldChg>
      <pc:sldChg chg="addSp delSp modSp">
        <pc:chgData name="Ajwaliya, Nishit" userId="d6171631-3d08-453d-8afd-2dc62a5026e2" providerId="ADAL" clId="{4878476E-BB67-4ABE-AA96-6623B8671B77}" dt="2020-12-23T19:35:59.157" v="1526" actId="1036"/>
        <pc:sldMkLst>
          <pc:docMk/>
          <pc:sldMk cId="2709382093" sldId="6869"/>
        </pc:sldMkLst>
        <pc:spChg chg="mod">
          <ac:chgData name="Ajwaliya, Nishit" userId="d6171631-3d08-453d-8afd-2dc62a5026e2" providerId="ADAL" clId="{4878476E-BB67-4ABE-AA96-6623B8671B77}" dt="2020-12-23T19:13:13.622" v="1288" actId="20577"/>
          <ac:spMkLst>
            <pc:docMk/>
            <pc:sldMk cId="2709382093" sldId="6869"/>
            <ac:spMk id="2" creationId="{00000000-0000-0000-0000-000000000000}"/>
          </ac:spMkLst>
        </pc:spChg>
        <pc:spChg chg="del mod">
          <ac:chgData name="Ajwaliya, Nishit" userId="d6171631-3d08-453d-8afd-2dc62a5026e2" providerId="ADAL" clId="{4878476E-BB67-4ABE-AA96-6623B8671B77}" dt="2020-12-23T19:33:38.706" v="1457" actId="478"/>
          <ac:spMkLst>
            <pc:docMk/>
            <pc:sldMk cId="2709382093" sldId="6869"/>
            <ac:spMk id="9" creationId="{3E37E4F4-B1F4-481E-9505-42BF1A27FC6B}"/>
          </ac:spMkLst>
        </pc:spChg>
        <pc:spChg chg="mod ord">
          <ac:chgData name="Ajwaliya, Nishit" userId="d6171631-3d08-453d-8afd-2dc62a5026e2" providerId="ADAL" clId="{4878476E-BB67-4ABE-AA96-6623B8671B77}" dt="2020-12-23T19:34:09.399" v="1460" actId="1035"/>
          <ac:spMkLst>
            <pc:docMk/>
            <pc:sldMk cId="2709382093" sldId="6869"/>
            <ac:spMk id="10" creationId="{3853AB4B-04C8-4026-967D-AAC762BB3B3E}"/>
          </ac:spMkLst>
        </pc:spChg>
        <pc:spChg chg="del mod">
          <ac:chgData name="Ajwaliya, Nishit" userId="d6171631-3d08-453d-8afd-2dc62a5026e2" providerId="ADAL" clId="{4878476E-BB67-4ABE-AA96-6623B8671B77}" dt="2020-12-23T19:33:38.706" v="1457" actId="478"/>
          <ac:spMkLst>
            <pc:docMk/>
            <pc:sldMk cId="2709382093" sldId="6869"/>
            <ac:spMk id="12" creationId="{FA6AE528-2DD6-4385-BF22-1922830C285D}"/>
          </ac:spMkLst>
        </pc:spChg>
        <pc:spChg chg="mod ord">
          <ac:chgData name="Ajwaliya, Nishit" userId="d6171631-3d08-453d-8afd-2dc62a5026e2" providerId="ADAL" clId="{4878476E-BB67-4ABE-AA96-6623B8671B77}" dt="2020-12-23T19:34:56.231" v="1479" actId="14100"/>
          <ac:spMkLst>
            <pc:docMk/>
            <pc:sldMk cId="2709382093" sldId="6869"/>
            <ac:spMk id="13" creationId="{AFA23405-02B0-42BA-987E-CBF2E80355E5}"/>
          </ac:spMkLst>
        </pc:spChg>
        <pc:spChg chg="mod ord">
          <ac:chgData name="Ajwaliya, Nishit" userId="d6171631-3d08-453d-8afd-2dc62a5026e2" providerId="ADAL" clId="{4878476E-BB67-4ABE-AA96-6623B8671B77}" dt="2020-12-23T19:15:29.325" v="1328" actId="14100"/>
          <ac:spMkLst>
            <pc:docMk/>
            <pc:sldMk cId="2709382093" sldId="6869"/>
            <ac:spMk id="15" creationId="{5F0BF952-4A70-4436-97F7-913C153CE8E3}"/>
          </ac:spMkLst>
        </pc:spChg>
        <pc:spChg chg="del mod">
          <ac:chgData name="Ajwaliya, Nishit" userId="d6171631-3d08-453d-8afd-2dc62a5026e2" providerId="ADAL" clId="{4878476E-BB67-4ABE-AA96-6623B8671B77}" dt="2020-12-23T19:33:38.706" v="1457" actId="478"/>
          <ac:spMkLst>
            <pc:docMk/>
            <pc:sldMk cId="2709382093" sldId="6869"/>
            <ac:spMk id="16" creationId="{D64A0A50-D6C7-45BD-8610-6E37C4F9EB57}"/>
          </ac:spMkLst>
        </pc:spChg>
        <pc:spChg chg="del mod">
          <ac:chgData name="Ajwaliya, Nishit" userId="d6171631-3d08-453d-8afd-2dc62a5026e2" providerId="ADAL" clId="{4878476E-BB67-4ABE-AA96-6623B8671B77}" dt="2020-12-23T19:35:28.787" v="1517" actId="478"/>
          <ac:spMkLst>
            <pc:docMk/>
            <pc:sldMk cId="2709382093" sldId="6869"/>
            <ac:spMk id="17" creationId="{9BAA5E6A-E964-4E00-8B27-C5ACFC0EF11C}"/>
          </ac:spMkLst>
        </pc:spChg>
        <pc:spChg chg="del mod">
          <ac:chgData name="Ajwaliya, Nishit" userId="d6171631-3d08-453d-8afd-2dc62a5026e2" providerId="ADAL" clId="{4878476E-BB67-4ABE-AA96-6623B8671B77}" dt="2020-12-23T19:33:38.706" v="1457" actId="478"/>
          <ac:spMkLst>
            <pc:docMk/>
            <pc:sldMk cId="2709382093" sldId="6869"/>
            <ac:spMk id="19" creationId="{DFAA97D6-1A8F-4319-ABE3-E827CA470570}"/>
          </ac:spMkLst>
        </pc:spChg>
        <pc:spChg chg="del mod">
          <ac:chgData name="Ajwaliya, Nishit" userId="d6171631-3d08-453d-8afd-2dc62a5026e2" providerId="ADAL" clId="{4878476E-BB67-4ABE-AA96-6623B8671B77}" dt="2020-12-23T19:33:41.893" v="1458" actId="478"/>
          <ac:spMkLst>
            <pc:docMk/>
            <pc:sldMk cId="2709382093" sldId="6869"/>
            <ac:spMk id="21" creationId="{2F018F90-2C0B-433B-B63F-85B45CCF5FBE}"/>
          </ac:spMkLst>
        </pc:spChg>
        <pc:spChg chg="del mod">
          <ac:chgData name="Ajwaliya, Nishit" userId="d6171631-3d08-453d-8afd-2dc62a5026e2" providerId="ADAL" clId="{4878476E-BB67-4ABE-AA96-6623B8671B77}" dt="2020-12-23T19:33:38.706" v="1457" actId="478"/>
          <ac:spMkLst>
            <pc:docMk/>
            <pc:sldMk cId="2709382093" sldId="6869"/>
            <ac:spMk id="24" creationId="{9AED20B6-29DF-4268-BB72-35771360DCA8}"/>
          </ac:spMkLst>
        </pc:spChg>
        <pc:spChg chg="del mod">
          <ac:chgData name="Ajwaliya, Nishit" userId="d6171631-3d08-453d-8afd-2dc62a5026e2" providerId="ADAL" clId="{4878476E-BB67-4ABE-AA96-6623B8671B77}" dt="2020-12-23T19:33:41.893" v="1458" actId="478"/>
          <ac:spMkLst>
            <pc:docMk/>
            <pc:sldMk cId="2709382093" sldId="6869"/>
            <ac:spMk id="25" creationId="{7479C495-28E1-4C21-9F14-837A79251EFE}"/>
          </ac:spMkLst>
        </pc:spChg>
        <pc:spChg chg="del mod">
          <ac:chgData name="Ajwaliya, Nishit" userId="d6171631-3d08-453d-8afd-2dc62a5026e2" providerId="ADAL" clId="{4878476E-BB67-4ABE-AA96-6623B8671B77}" dt="2020-12-23T19:33:38.706" v="1457" actId="478"/>
          <ac:spMkLst>
            <pc:docMk/>
            <pc:sldMk cId="2709382093" sldId="6869"/>
            <ac:spMk id="26" creationId="{256A581A-634D-4418-90FF-8155EB4AE1A7}"/>
          </ac:spMkLst>
        </pc:spChg>
        <pc:spChg chg="del mod">
          <ac:chgData name="Ajwaliya, Nishit" userId="d6171631-3d08-453d-8afd-2dc62a5026e2" providerId="ADAL" clId="{4878476E-BB67-4ABE-AA96-6623B8671B77}" dt="2020-12-23T19:33:38.706" v="1457" actId="478"/>
          <ac:spMkLst>
            <pc:docMk/>
            <pc:sldMk cId="2709382093" sldId="6869"/>
            <ac:spMk id="27" creationId="{57EE3B2F-8723-4C31-8BBB-E49C37826C22}"/>
          </ac:spMkLst>
        </pc:spChg>
        <pc:spChg chg="del mod">
          <ac:chgData name="Ajwaliya, Nishit" userId="d6171631-3d08-453d-8afd-2dc62a5026e2" providerId="ADAL" clId="{4878476E-BB67-4ABE-AA96-6623B8671B77}" dt="2020-12-23T19:35:28.787" v="1517" actId="478"/>
          <ac:spMkLst>
            <pc:docMk/>
            <pc:sldMk cId="2709382093" sldId="6869"/>
            <ac:spMk id="30" creationId="{102E3DB9-4965-475C-928E-AE44D0728320}"/>
          </ac:spMkLst>
        </pc:spChg>
        <pc:spChg chg="del mod">
          <ac:chgData name="Ajwaliya, Nishit" userId="d6171631-3d08-453d-8afd-2dc62a5026e2" providerId="ADAL" clId="{4878476E-BB67-4ABE-AA96-6623B8671B77}" dt="2020-12-23T19:35:28.787" v="1517" actId="478"/>
          <ac:spMkLst>
            <pc:docMk/>
            <pc:sldMk cId="2709382093" sldId="6869"/>
            <ac:spMk id="32" creationId="{7BED326C-D13B-48C5-8D46-C4D808F1091E}"/>
          </ac:spMkLst>
        </pc:spChg>
        <pc:spChg chg="del mod">
          <ac:chgData name="Ajwaliya, Nishit" userId="d6171631-3d08-453d-8afd-2dc62a5026e2" providerId="ADAL" clId="{4878476E-BB67-4ABE-AA96-6623B8671B77}" dt="2020-12-23T19:33:41.893" v="1458" actId="478"/>
          <ac:spMkLst>
            <pc:docMk/>
            <pc:sldMk cId="2709382093" sldId="6869"/>
            <ac:spMk id="35" creationId="{01B631AF-3B19-4B0B-8F7D-C12E1AE69E49}"/>
          </ac:spMkLst>
        </pc:spChg>
        <pc:spChg chg="del mod">
          <ac:chgData name="Ajwaliya, Nishit" userId="d6171631-3d08-453d-8afd-2dc62a5026e2" providerId="ADAL" clId="{4878476E-BB67-4ABE-AA96-6623B8671B77}" dt="2020-12-23T19:33:41.893" v="1458" actId="478"/>
          <ac:spMkLst>
            <pc:docMk/>
            <pc:sldMk cId="2709382093" sldId="6869"/>
            <ac:spMk id="36" creationId="{4A440B4C-F5B1-47FD-8750-513B2B4A349C}"/>
          </ac:spMkLst>
        </pc:spChg>
        <pc:spChg chg="del">
          <ac:chgData name="Ajwaliya, Nishit" userId="d6171631-3d08-453d-8afd-2dc62a5026e2" providerId="ADAL" clId="{4878476E-BB67-4ABE-AA96-6623B8671B77}" dt="2020-12-23T19:14:39.627" v="1317" actId="478"/>
          <ac:spMkLst>
            <pc:docMk/>
            <pc:sldMk cId="2709382093" sldId="6869"/>
            <ac:spMk id="37" creationId="{5403A084-EBC7-49F9-9699-D7C875D97538}"/>
          </ac:spMkLst>
        </pc:spChg>
        <pc:spChg chg="mod">
          <ac:chgData name="Ajwaliya, Nishit" userId="d6171631-3d08-453d-8afd-2dc62a5026e2" providerId="ADAL" clId="{4878476E-BB67-4ABE-AA96-6623B8671B77}" dt="2020-12-23T19:35:55.740" v="1525" actId="1037"/>
          <ac:spMkLst>
            <pc:docMk/>
            <pc:sldMk cId="2709382093" sldId="6869"/>
            <ac:spMk id="38" creationId="{72306777-55BF-407F-9EBE-31F47A8DC1A4}"/>
          </ac:spMkLst>
        </pc:spChg>
        <pc:spChg chg="mod">
          <ac:chgData name="Ajwaliya, Nishit" userId="d6171631-3d08-453d-8afd-2dc62a5026e2" providerId="ADAL" clId="{4878476E-BB67-4ABE-AA96-6623B8671B77}" dt="2020-12-23T19:35:18.185" v="1506" actId="1036"/>
          <ac:spMkLst>
            <pc:docMk/>
            <pc:sldMk cId="2709382093" sldId="6869"/>
            <ac:spMk id="39" creationId="{E39363AF-CB93-458D-ACA8-66DED4EAA6D9}"/>
          </ac:spMkLst>
        </pc:spChg>
        <pc:spChg chg="del mod">
          <ac:chgData name="Ajwaliya, Nishit" userId="d6171631-3d08-453d-8afd-2dc62a5026e2" providerId="ADAL" clId="{4878476E-BB67-4ABE-AA96-6623B8671B77}" dt="2020-12-23T19:33:41.893" v="1458" actId="478"/>
          <ac:spMkLst>
            <pc:docMk/>
            <pc:sldMk cId="2709382093" sldId="6869"/>
            <ac:spMk id="40" creationId="{919C27BE-E4A1-4413-A2A2-EB5737D0895F}"/>
          </ac:spMkLst>
        </pc:spChg>
        <pc:spChg chg="add mod">
          <ac:chgData name="Ajwaliya, Nishit" userId="d6171631-3d08-453d-8afd-2dc62a5026e2" providerId="ADAL" clId="{4878476E-BB67-4ABE-AA96-6623B8671B77}" dt="2020-12-23T19:34:51.017" v="1478" actId="14100"/>
          <ac:spMkLst>
            <pc:docMk/>
            <pc:sldMk cId="2709382093" sldId="6869"/>
            <ac:spMk id="41" creationId="{3F8EBCBB-18AA-428F-828C-FFCA13E85D97}"/>
          </ac:spMkLst>
        </pc:spChg>
        <pc:spChg chg="add mod">
          <ac:chgData name="Ajwaliya, Nishit" userId="d6171631-3d08-453d-8afd-2dc62a5026e2" providerId="ADAL" clId="{4878476E-BB67-4ABE-AA96-6623B8671B77}" dt="2020-12-23T19:34:41.123" v="1475" actId="14100"/>
          <ac:spMkLst>
            <pc:docMk/>
            <pc:sldMk cId="2709382093" sldId="6869"/>
            <ac:spMk id="42" creationId="{6DDB7835-FB70-47AF-9018-90D671857074}"/>
          </ac:spMkLst>
        </pc:spChg>
        <pc:spChg chg="add mod">
          <ac:chgData name="Ajwaliya, Nishit" userId="d6171631-3d08-453d-8afd-2dc62a5026e2" providerId="ADAL" clId="{4878476E-BB67-4ABE-AA96-6623B8671B77}" dt="2020-12-23T19:34:34.251" v="1472" actId="1035"/>
          <ac:spMkLst>
            <pc:docMk/>
            <pc:sldMk cId="2709382093" sldId="6869"/>
            <ac:spMk id="43" creationId="{1CB5EF14-FDDE-4E12-889A-7F82FE751300}"/>
          </ac:spMkLst>
        </pc:spChg>
        <pc:spChg chg="add mod">
          <ac:chgData name="Ajwaliya, Nishit" userId="d6171631-3d08-453d-8afd-2dc62a5026e2" providerId="ADAL" clId="{4878476E-BB67-4ABE-AA96-6623B8671B77}" dt="2020-12-23T19:34:24.404" v="1467" actId="1036"/>
          <ac:spMkLst>
            <pc:docMk/>
            <pc:sldMk cId="2709382093" sldId="6869"/>
            <ac:spMk id="44" creationId="{54AD4875-3AAA-46FF-88F6-56670FE7BA71}"/>
          </ac:spMkLst>
        </pc:spChg>
        <pc:spChg chg="add del">
          <ac:chgData name="Ajwaliya, Nishit" userId="d6171631-3d08-453d-8afd-2dc62a5026e2" providerId="ADAL" clId="{4878476E-BB67-4ABE-AA96-6623B8671B77}" dt="2020-12-23T19:32:30.388" v="1442" actId="478"/>
          <ac:spMkLst>
            <pc:docMk/>
            <pc:sldMk cId="2709382093" sldId="6869"/>
            <ac:spMk id="45" creationId="{CE955EEF-F820-40CB-B8CB-36285EA334C6}"/>
          </ac:spMkLst>
        </pc:spChg>
        <pc:spChg chg="add mod">
          <ac:chgData name="Ajwaliya, Nishit" userId="d6171631-3d08-453d-8afd-2dc62a5026e2" providerId="ADAL" clId="{4878476E-BB67-4ABE-AA96-6623B8671B77}" dt="2020-12-23T19:32:07.300" v="1438" actId="14100"/>
          <ac:spMkLst>
            <pc:docMk/>
            <pc:sldMk cId="2709382093" sldId="6869"/>
            <ac:spMk id="46" creationId="{525DFCE6-E9A0-4A1E-AD5A-E694705ABB37}"/>
          </ac:spMkLst>
        </pc:spChg>
        <pc:spChg chg="add mod">
          <ac:chgData name="Ajwaliya, Nishit" userId="d6171631-3d08-453d-8afd-2dc62a5026e2" providerId="ADAL" clId="{4878476E-BB67-4ABE-AA96-6623B8671B77}" dt="2020-12-23T19:32:24.778" v="1441" actId="14100"/>
          <ac:spMkLst>
            <pc:docMk/>
            <pc:sldMk cId="2709382093" sldId="6869"/>
            <ac:spMk id="47" creationId="{41C806FE-F596-45ED-82BA-13ADC90FBA16}"/>
          </ac:spMkLst>
        </pc:spChg>
        <pc:spChg chg="add del mod">
          <ac:chgData name="Ajwaliya, Nishit" userId="d6171631-3d08-453d-8afd-2dc62a5026e2" providerId="ADAL" clId="{4878476E-BB67-4ABE-AA96-6623B8671B77}" dt="2020-12-23T19:32:56.303" v="1449" actId="478"/>
          <ac:spMkLst>
            <pc:docMk/>
            <pc:sldMk cId="2709382093" sldId="6869"/>
            <ac:spMk id="48" creationId="{E30E3E5D-23CF-413A-A064-F83A31462837}"/>
          </ac:spMkLst>
        </pc:spChg>
        <pc:spChg chg="add mod">
          <ac:chgData name="Ajwaliya, Nishit" userId="d6171631-3d08-453d-8afd-2dc62a5026e2" providerId="ADAL" clId="{4878476E-BB67-4ABE-AA96-6623B8671B77}" dt="2020-12-23T19:34:14.980" v="1461" actId="14100"/>
          <ac:spMkLst>
            <pc:docMk/>
            <pc:sldMk cId="2709382093" sldId="6869"/>
            <ac:spMk id="49" creationId="{6730FC88-98AA-4FCB-B533-850E0B33F135}"/>
          </ac:spMkLst>
        </pc:spChg>
        <pc:spChg chg="add mod">
          <ac:chgData name="Ajwaliya, Nishit" userId="d6171631-3d08-453d-8afd-2dc62a5026e2" providerId="ADAL" clId="{4878476E-BB67-4ABE-AA96-6623B8671B77}" dt="2020-12-23T19:33:26.290" v="1456" actId="1038"/>
          <ac:spMkLst>
            <pc:docMk/>
            <pc:sldMk cId="2709382093" sldId="6869"/>
            <ac:spMk id="50" creationId="{E09139E4-C95D-432A-9B7A-4E502C414B99}"/>
          </ac:spMkLst>
        </pc:spChg>
        <pc:picChg chg="del">
          <ac:chgData name="Ajwaliya, Nishit" userId="d6171631-3d08-453d-8afd-2dc62a5026e2" providerId="ADAL" clId="{4878476E-BB67-4ABE-AA96-6623B8671B77}" dt="2020-12-23T19:09:53.073" v="1248" actId="478"/>
          <ac:picMkLst>
            <pc:docMk/>
            <pc:sldMk cId="2709382093" sldId="6869"/>
            <ac:picMk id="3" creationId="{FCE1BA68-EEA4-48B2-B7AA-D6E317E8563E}"/>
          </ac:picMkLst>
        </pc:picChg>
        <pc:picChg chg="add del mod">
          <ac:chgData name="Ajwaliya, Nishit" userId="d6171631-3d08-453d-8afd-2dc62a5026e2" providerId="ADAL" clId="{4878476E-BB67-4ABE-AA96-6623B8671B77}" dt="2020-12-23T19:10:43.239" v="1255"/>
          <ac:picMkLst>
            <pc:docMk/>
            <pc:sldMk cId="2709382093" sldId="6869"/>
            <ac:picMk id="4" creationId="{D933165C-8229-4BC6-AE6A-5DC1C0C0EF05}"/>
          </ac:picMkLst>
        </pc:picChg>
        <pc:picChg chg="del">
          <ac:chgData name="Ajwaliya, Nishit" userId="d6171631-3d08-453d-8afd-2dc62a5026e2" providerId="ADAL" clId="{4878476E-BB67-4ABE-AA96-6623B8671B77}" dt="2020-12-23T19:26:25.875" v="1331" actId="478"/>
          <ac:picMkLst>
            <pc:docMk/>
            <pc:sldMk cId="2709382093" sldId="6869"/>
            <ac:picMk id="5" creationId="{42FA4D18-3C04-40C3-BFED-D87F842B06B0}"/>
          </ac:picMkLst>
        </pc:picChg>
        <pc:picChg chg="del">
          <ac:chgData name="Ajwaliya, Nishit" userId="d6171631-3d08-453d-8afd-2dc62a5026e2" providerId="ADAL" clId="{4878476E-BB67-4ABE-AA96-6623B8671B77}" dt="2020-12-23T19:26:35.915" v="1335" actId="478"/>
          <ac:picMkLst>
            <pc:docMk/>
            <pc:sldMk cId="2709382093" sldId="6869"/>
            <ac:picMk id="6" creationId="{75F461F4-D871-425B-B2E9-9E2187C03535}"/>
          </ac:picMkLst>
        </pc:picChg>
        <pc:picChg chg="add del mod">
          <ac:chgData name="Ajwaliya, Nishit" userId="d6171631-3d08-453d-8afd-2dc62a5026e2" providerId="ADAL" clId="{4878476E-BB67-4ABE-AA96-6623B8671B77}" dt="2020-12-23T19:14:22.326" v="1312" actId="478"/>
          <ac:picMkLst>
            <pc:docMk/>
            <pc:sldMk cId="2709382093" sldId="6869"/>
            <ac:picMk id="8" creationId="{6D97A61C-4792-41A3-A1F7-9BCD82D2A71B}"/>
          </ac:picMkLst>
        </pc:picChg>
        <pc:picChg chg="add mod">
          <ac:chgData name="Ajwaliya, Nishit" userId="d6171631-3d08-453d-8afd-2dc62a5026e2" providerId="ADAL" clId="{4878476E-BB67-4ABE-AA96-6623B8671B77}" dt="2020-12-23T19:14:53.848" v="1321" actId="14100"/>
          <ac:picMkLst>
            <pc:docMk/>
            <pc:sldMk cId="2709382093" sldId="6869"/>
            <ac:picMk id="20" creationId="{D4B99DEF-01D9-4266-92D9-85D436091E00}"/>
          </ac:picMkLst>
        </pc:picChg>
        <pc:picChg chg="add del">
          <ac:chgData name="Ajwaliya, Nishit" userId="d6171631-3d08-453d-8afd-2dc62a5026e2" providerId="ADAL" clId="{4878476E-BB67-4ABE-AA96-6623B8671B77}" dt="2020-12-23T19:15:46.243" v="1330" actId="478"/>
          <ac:picMkLst>
            <pc:docMk/>
            <pc:sldMk cId="2709382093" sldId="6869"/>
            <ac:picMk id="22" creationId="{D49B22C9-FC62-41F2-968E-7AD69D05DED3}"/>
          </ac:picMkLst>
        </pc:picChg>
        <pc:picChg chg="add mod">
          <ac:chgData name="Ajwaliya, Nishit" userId="d6171631-3d08-453d-8afd-2dc62a5026e2" providerId="ADAL" clId="{4878476E-BB67-4ABE-AA96-6623B8671B77}" dt="2020-12-23T19:35:59.157" v="1526" actId="1036"/>
          <ac:picMkLst>
            <pc:docMk/>
            <pc:sldMk cId="2709382093" sldId="6869"/>
            <ac:picMk id="23" creationId="{6AE25F4B-3C28-4418-A4AA-F073EA081B0F}"/>
          </ac:picMkLst>
        </pc:picChg>
        <pc:picChg chg="add mod">
          <ac:chgData name="Ajwaliya, Nishit" userId="d6171631-3d08-453d-8afd-2dc62a5026e2" providerId="ADAL" clId="{4878476E-BB67-4ABE-AA96-6623B8671B77}" dt="2020-12-23T19:35:49.527" v="1520" actId="1076"/>
          <ac:picMkLst>
            <pc:docMk/>
            <pc:sldMk cId="2709382093" sldId="6869"/>
            <ac:picMk id="31" creationId="{88D688B0-DA72-48DC-8BE4-748DEC239E0B}"/>
          </ac:picMkLst>
        </pc:picChg>
      </pc:sldChg>
      <pc:sldChg chg="modSp ord">
        <pc:chgData name="Ajwaliya, Nishit" userId="d6171631-3d08-453d-8afd-2dc62a5026e2" providerId="ADAL" clId="{4878476E-BB67-4ABE-AA96-6623B8671B77}" dt="2020-12-21T23:42:54.746" v="401"/>
        <pc:sldMkLst>
          <pc:docMk/>
          <pc:sldMk cId="3363999467" sldId="6870"/>
        </pc:sldMkLst>
        <pc:spChg chg="mod">
          <ac:chgData name="Ajwaliya, Nishit" userId="d6171631-3d08-453d-8afd-2dc62a5026e2" providerId="ADAL" clId="{4878476E-BB67-4ABE-AA96-6623B8671B77}" dt="2020-12-21T23:42:42.813" v="400" actId="20577"/>
          <ac:spMkLst>
            <pc:docMk/>
            <pc:sldMk cId="3363999467" sldId="6870"/>
            <ac:spMk id="2" creationId="{00000000-0000-0000-0000-000000000000}"/>
          </ac:spMkLst>
        </pc:spChg>
      </pc:sldChg>
      <pc:sldChg chg="modSp">
        <pc:chgData name="Ajwaliya, Nishit" userId="d6171631-3d08-453d-8afd-2dc62a5026e2" providerId="ADAL" clId="{4878476E-BB67-4ABE-AA96-6623B8671B77}" dt="2020-12-23T19:36:29.683" v="1530" actId="108"/>
        <pc:sldMkLst>
          <pc:docMk/>
          <pc:sldMk cId="105799718" sldId="6872"/>
        </pc:sldMkLst>
        <pc:graphicFrameChg chg="mod modGraphic">
          <ac:chgData name="Ajwaliya, Nishit" userId="d6171631-3d08-453d-8afd-2dc62a5026e2" providerId="ADAL" clId="{4878476E-BB67-4ABE-AA96-6623B8671B77}" dt="2020-12-23T19:36:29.683" v="1530" actId="108"/>
          <ac:graphicFrameMkLst>
            <pc:docMk/>
            <pc:sldMk cId="105799718" sldId="6872"/>
            <ac:graphicFrameMk id="4" creationId="{C384CB05-63A7-44C4-AFCB-5C0C6D6F50EE}"/>
          </ac:graphicFrameMkLst>
        </pc:graphicFrameChg>
        <pc:graphicFrameChg chg="mod modGraphic">
          <ac:chgData name="Ajwaliya, Nishit" userId="d6171631-3d08-453d-8afd-2dc62a5026e2" providerId="ADAL" clId="{4878476E-BB67-4ABE-AA96-6623B8671B77}" dt="2020-12-22T00:48:54.349" v="851" actId="20577"/>
          <ac:graphicFrameMkLst>
            <pc:docMk/>
            <pc:sldMk cId="105799718" sldId="6872"/>
            <ac:graphicFrameMk id="5" creationId="{608D85BD-C5FD-42AE-B33A-1F65DB3FCBED}"/>
          </ac:graphicFrameMkLst>
        </pc:graphicFrameChg>
      </pc:sldChg>
      <pc:sldChg chg="modSp">
        <pc:chgData name="Ajwaliya, Nishit" userId="d6171631-3d08-453d-8afd-2dc62a5026e2" providerId="ADAL" clId="{4878476E-BB67-4ABE-AA96-6623B8671B77}" dt="2020-12-22T16:19:35.733" v="1178" actId="14100"/>
        <pc:sldMkLst>
          <pc:docMk/>
          <pc:sldMk cId="2367798465" sldId="6890"/>
        </pc:sldMkLst>
        <pc:spChg chg="mod">
          <ac:chgData name="Ajwaliya, Nishit" userId="d6171631-3d08-453d-8afd-2dc62a5026e2" providerId="ADAL" clId="{4878476E-BB67-4ABE-AA96-6623B8671B77}" dt="2020-12-22T00:59:57.968" v="1167" actId="20577"/>
          <ac:spMkLst>
            <pc:docMk/>
            <pc:sldMk cId="2367798465" sldId="6890"/>
            <ac:spMk id="2" creationId="{65606505-0DE3-4026-B55A-3FA303F48ACA}"/>
          </ac:spMkLst>
        </pc:spChg>
        <pc:spChg chg="mod">
          <ac:chgData name="Ajwaliya, Nishit" userId="d6171631-3d08-453d-8afd-2dc62a5026e2" providerId="ADAL" clId="{4878476E-BB67-4ABE-AA96-6623B8671B77}" dt="2020-12-22T00:57:04.223" v="1110" actId="20577"/>
          <ac:spMkLst>
            <pc:docMk/>
            <pc:sldMk cId="2367798465" sldId="6890"/>
            <ac:spMk id="120" creationId="{0985C24F-0727-47A9-A4DC-E0DF87EF2AAF}"/>
          </ac:spMkLst>
        </pc:spChg>
        <pc:spChg chg="mod">
          <ac:chgData name="Ajwaliya, Nishit" userId="d6171631-3d08-453d-8afd-2dc62a5026e2" providerId="ADAL" clId="{4878476E-BB67-4ABE-AA96-6623B8671B77}" dt="2020-12-22T00:57:08.684" v="1112" actId="20577"/>
          <ac:spMkLst>
            <pc:docMk/>
            <pc:sldMk cId="2367798465" sldId="6890"/>
            <ac:spMk id="139" creationId="{B63DC23E-751D-488B-90E7-2F7AB4022685}"/>
          </ac:spMkLst>
        </pc:spChg>
        <pc:cxnChg chg="mod">
          <ac:chgData name="Ajwaliya, Nishit" userId="d6171631-3d08-453d-8afd-2dc62a5026e2" providerId="ADAL" clId="{4878476E-BB67-4ABE-AA96-6623B8671B77}" dt="2020-12-22T16:19:35.733" v="1178" actId="14100"/>
          <ac:cxnSpMkLst>
            <pc:docMk/>
            <pc:sldMk cId="2367798465" sldId="6890"/>
            <ac:cxnSpMk id="122" creationId="{F961ADB8-2408-4630-9023-115E0C7AD7C2}"/>
          </ac:cxnSpMkLst>
        </pc:cxnChg>
      </pc:sldChg>
      <pc:sldChg chg="addSp delSp modSp">
        <pc:chgData name="Ajwaliya, Nishit" userId="d6171631-3d08-453d-8afd-2dc62a5026e2" providerId="ADAL" clId="{4878476E-BB67-4ABE-AA96-6623B8671B77}" dt="2020-12-21T23:58:35.293" v="554" actId="20577"/>
        <pc:sldMkLst>
          <pc:docMk/>
          <pc:sldMk cId="2165238967" sldId="6898"/>
        </pc:sldMkLst>
        <pc:spChg chg="add del">
          <ac:chgData name="Ajwaliya, Nishit" userId="d6171631-3d08-453d-8afd-2dc62a5026e2" providerId="ADAL" clId="{4878476E-BB67-4ABE-AA96-6623B8671B77}" dt="2020-12-21T23:58:17.825" v="491" actId="478"/>
          <ac:spMkLst>
            <pc:docMk/>
            <pc:sldMk cId="2165238967" sldId="6898"/>
            <ac:spMk id="2" creationId="{25CC4FEA-E8B6-447E-A269-DE32E21A101F}"/>
          </ac:spMkLst>
        </pc:spChg>
        <pc:spChg chg="add del mod">
          <ac:chgData name="Ajwaliya, Nishit" userId="d6171631-3d08-453d-8afd-2dc62a5026e2" providerId="ADAL" clId="{4878476E-BB67-4ABE-AA96-6623B8671B77}" dt="2020-12-21T23:58:18.026" v="492" actId="478"/>
          <ac:spMkLst>
            <pc:docMk/>
            <pc:sldMk cId="2165238967" sldId="6898"/>
            <ac:spMk id="4" creationId="{E1C542A4-6F39-47A7-B1AB-A66150D45365}"/>
          </ac:spMkLst>
        </pc:spChg>
        <pc:spChg chg="add del mod">
          <ac:chgData name="Ajwaliya, Nishit" userId="d6171631-3d08-453d-8afd-2dc62a5026e2" providerId="ADAL" clId="{4878476E-BB67-4ABE-AA96-6623B8671B77}" dt="2020-12-21T23:58:35.293" v="554" actId="20577"/>
          <ac:spMkLst>
            <pc:docMk/>
            <pc:sldMk cId="2165238967" sldId="6898"/>
            <ac:spMk id="77" creationId="{8AE50AC5-BC1F-45F5-8EFD-9EF257851DCE}"/>
          </ac:spMkLst>
        </pc:spChg>
      </pc:sldChg>
      <pc:sldChg chg="addSp delSp modSp add">
        <pc:chgData name="Ajwaliya, Nishit" userId="d6171631-3d08-453d-8afd-2dc62a5026e2" providerId="ADAL" clId="{4878476E-BB67-4ABE-AA96-6623B8671B77}" dt="2020-12-22T23:21:35.140" v="1232" actId="20577"/>
        <pc:sldMkLst>
          <pc:docMk/>
          <pc:sldMk cId="3898463491" sldId="838840126"/>
        </pc:sldMkLst>
        <pc:spChg chg="del mod">
          <ac:chgData name="Ajwaliya, Nishit" userId="d6171631-3d08-453d-8afd-2dc62a5026e2" providerId="ADAL" clId="{4878476E-BB67-4ABE-AA96-6623B8671B77}" dt="2020-12-21T23:28:41.431" v="5" actId="478"/>
          <ac:spMkLst>
            <pc:docMk/>
            <pc:sldMk cId="3898463491" sldId="838840126"/>
            <ac:spMk id="2" creationId="{213D5031-0149-4737-9321-CC6625A96F81}"/>
          </ac:spMkLst>
        </pc:spChg>
        <pc:spChg chg="add del mod">
          <ac:chgData name="Ajwaliya, Nishit" userId="d6171631-3d08-453d-8afd-2dc62a5026e2" providerId="ADAL" clId="{4878476E-BB67-4ABE-AA96-6623B8671B77}" dt="2020-12-21T23:28:45.389" v="7" actId="478"/>
          <ac:spMkLst>
            <pc:docMk/>
            <pc:sldMk cId="3898463491" sldId="838840126"/>
            <ac:spMk id="3" creationId="{8B0E83E9-6D86-4CBA-84F7-DDD713240928}"/>
          </ac:spMkLst>
        </pc:spChg>
        <pc:spChg chg="mod">
          <ac:chgData name="Ajwaliya, Nishit" userId="d6171631-3d08-453d-8afd-2dc62a5026e2" providerId="ADAL" clId="{4878476E-BB67-4ABE-AA96-6623B8671B77}" dt="2020-12-22T00:39:19.044" v="626" actId="1035"/>
          <ac:spMkLst>
            <pc:docMk/>
            <pc:sldMk cId="3898463491" sldId="838840126"/>
            <ac:spMk id="53" creationId="{F465614F-7722-4A1D-87A3-21BE41F22975}"/>
          </ac:spMkLst>
        </pc:spChg>
        <pc:spChg chg="mod">
          <ac:chgData name="Ajwaliya, Nishit" userId="d6171631-3d08-453d-8afd-2dc62a5026e2" providerId="ADAL" clId="{4878476E-BB67-4ABE-AA96-6623B8671B77}" dt="2020-12-22T00:42:35.728" v="716" actId="1035"/>
          <ac:spMkLst>
            <pc:docMk/>
            <pc:sldMk cId="3898463491" sldId="838840126"/>
            <ac:spMk id="57" creationId="{A0DD6575-A2FC-4BAB-8D96-C96DA026A85F}"/>
          </ac:spMkLst>
        </pc:spChg>
        <pc:spChg chg="mod">
          <ac:chgData name="Ajwaliya, Nishit" userId="d6171631-3d08-453d-8afd-2dc62a5026e2" providerId="ADAL" clId="{4878476E-BB67-4ABE-AA96-6623B8671B77}" dt="2020-12-22T00:39:00.816" v="616" actId="1035"/>
          <ac:spMkLst>
            <pc:docMk/>
            <pc:sldMk cId="3898463491" sldId="838840126"/>
            <ac:spMk id="58" creationId="{13AC2E73-E07C-4E75-AAB3-6413940AFD6D}"/>
          </ac:spMkLst>
        </pc:spChg>
        <pc:spChg chg="mod">
          <ac:chgData name="Ajwaliya, Nishit" userId="d6171631-3d08-453d-8afd-2dc62a5026e2" providerId="ADAL" clId="{4878476E-BB67-4ABE-AA96-6623B8671B77}" dt="2020-12-22T00:42:48.145" v="731" actId="1037"/>
          <ac:spMkLst>
            <pc:docMk/>
            <pc:sldMk cId="3898463491" sldId="838840126"/>
            <ac:spMk id="62" creationId="{A315A3BA-2104-48EA-88DE-4419224DC106}"/>
          </ac:spMkLst>
        </pc:spChg>
        <pc:spChg chg="mod">
          <ac:chgData name="Ajwaliya, Nishit" userId="d6171631-3d08-453d-8afd-2dc62a5026e2" providerId="ADAL" clId="{4878476E-BB67-4ABE-AA96-6623B8671B77}" dt="2020-12-22T00:36:45.255" v="559" actId="948"/>
          <ac:spMkLst>
            <pc:docMk/>
            <pc:sldMk cId="3898463491" sldId="838840126"/>
            <ac:spMk id="63" creationId="{C3945039-122B-4441-859D-A93DC3CBE9B1}"/>
          </ac:spMkLst>
        </pc:spChg>
        <pc:spChg chg="mod">
          <ac:chgData name="Ajwaliya, Nishit" userId="d6171631-3d08-453d-8afd-2dc62a5026e2" providerId="ADAL" clId="{4878476E-BB67-4ABE-AA96-6623B8671B77}" dt="2020-12-22T00:41:14.184" v="691" actId="20577"/>
          <ac:spMkLst>
            <pc:docMk/>
            <pc:sldMk cId="3898463491" sldId="838840126"/>
            <ac:spMk id="67" creationId="{5B7FF17A-1518-4D1E-8A13-1810BF3517B2}"/>
          </ac:spMkLst>
        </pc:spChg>
        <pc:spChg chg="mod">
          <ac:chgData name="Ajwaliya, Nishit" userId="d6171631-3d08-453d-8afd-2dc62a5026e2" providerId="ADAL" clId="{4878476E-BB67-4ABE-AA96-6623B8671B77}" dt="2020-12-22T00:39:25.054" v="628" actId="1035"/>
          <ac:spMkLst>
            <pc:docMk/>
            <pc:sldMk cId="3898463491" sldId="838840126"/>
            <ac:spMk id="68" creationId="{54677C2D-33A7-4A95-870F-0F623380C0FF}"/>
          </ac:spMkLst>
        </pc:spChg>
        <pc:spChg chg="mod">
          <ac:chgData name="Ajwaliya, Nishit" userId="d6171631-3d08-453d-8afd-2dc62a5026e2" providerId="ADAL" clId="{4878476E-BB67-4ABE-AA96-6623B8671B77}" dt="2020-12-22T00:44:05.991" v="742" actId="14100"/>
          <ac:spMkLst>
            <pc:docMk/>
            <pc:sldMk cId="3898463491" sldId="838840126"/>
            <ac:spMk id="72" creationId="{1CB4F336-3A1F-4A28-9DF2-9BFFB1434F7A}"/>
          </ac:spMkLst>
        </pc:spChg>
        <pc:spChg chg="mod">
          <ac:chgData name="Ajwaliya, Nishit" userId="d6171631-3d08-453d-8afd-2dc62a5026e2" providerId="ADAL" clId="{4878476E-BB67-4ABE-AA96-6623B8671B77}" dt="2020-12-22T00:38:49.686" v="606" actId="1035"/>
          <ac:spMkLst>
            <pc:docMk/>
            <pc:sldMk cId="3898463491" sldId="838840126"/>
            <ac:spMk id="73" creationId="{2EC18AD6-129C-44F3-BDF1-4E43060CC984}"/>
          </ac:spMkLst>
        </pc:spChg>
        <pc:spChg chg="mod">
          <ac:chgData name="Ajwaliya, Nishit" userId="d6171631-3d08-453d-8afd-2dc62a5026e2" providerId="ADAL" clId="{4878476E-BB67-4ABE-AA96-6623B8671B77}" dt="2020-12-22T00:42:03.196" v="710" actId="1035"/>
          <ac:spMkLst>
            <pc:docMk/>
            <pc:sldMk cId="3898463491" sldId="838840126"/>
            <ac:spMk id="77" creationId="{6F0C7AD8-6229-45F8-B079-2851CBB79671}"/>
          </ac:spMkLst>
        </pc:spChg>
        <pc:spChg chg="mod">
          <ac:chgData name="Ajwaliya, Nishit" userId="d6171631-3d08-453d-8afd-2dc62a5026e2" providerId="ADAL" clId="{4878476E-BB67-4ABE-AA96-6623B8671B77}" dt="2020-12-22T23:21:35.140" v="1232" actId="20577"/>
          <ac:spMkLst>
            <pc:docMk/>
            <pc:sldMk cId="3898463491" sldId="838840126"/>
            <ac:spMk id="78" creationId="{103647A0-F5ED-4490-95C9-38BEB5D53910}"/>
          </ac:spMkLst>
        </pc:spChg>
        <pc:spChg chg="mod">
          <ac:chgData name="Ajwaliya, Nishit" userId="d6171631-3d08-453d-8afd-2dc62a5026e2" providerId="ADAL" clId="{4878476E-BB67-4ABE-AA96-6623B8671B77}" dt="2020-12-22T00:43:12.431" v="741" actId="20577"/>
          <ac:spMkLst>
            <pc:docMk/>
            <pc:sldMk cId="3898463491" sldId="838840126"/>
            <ac:spMk id="81" creationId="{8515BE42-67F7-4FF9-8106-2913629628FE}"/>
          </ac:spMkLst>
        </pc:spChg>
        <pc:spChg chg="add mod">
          <ac:chgData name="Ajwaliya, Nishit" userId="d6171631-3d08-453d-8afd-2dc62a5026e2" providerId="ADAL" clId="{4878476E-BB67-4ABE-AA96-6623B8671B77}" dt="2020-12-22T00:31:06.488" v="558" actId="20577"/>
          <ac:spMkLst>
            <pc:docMk/>
            <pc:sldMk cId="3898463491" sldId="838840126"/>
            <ac:spMk id="82" creationId="{7B65162B-900E-4FA2-A877-EDEA9BA9D7E4}"/>
          </ac:spMkLst>
        </pc:spChg>
        <pc:cxnChg chg="mod">
          <ac:chgData name="Ajwaliya, Nishit" userId="d6171631-3d08-453d-8afd-2dc62a5026e2" providerId="ADAL" clId="{4878476E-BB67-4ABE-AA96-6623B8671B77}" dt="2020-12-22T00:39:09.397" v="621" actId="1035"/>
          <ac:cxnSpMkLst>
            <pc:docMk/>
            <pc:sldMk cId="3898463491" sldId="838840126"/>
            <ac:cxnSpMk id="69" creationId="{A84C234B-0DA1-4F92-9FB9-B7B3AB11B6D7}"/>
          </ac:cxnSpMkLst>
        </pc:cxnChg>
      </pc:sldChg>
    </pc:docChg>
  </pc:docChgLst>
  <pc:docChgLst>
    <pc:chgData name="Ajwaliya, Nishit" userId="d6171631-3d08-453d-8afd-2dc62a5026e2" providerId="ADAL" clId="{6505E94C-63E7-437A-9BC6-FC4B9F6B4C42}"/>
    <pc:docChg chg="undo custSel addSld delSld modSld">
      <pc:chgData name="Ajwaliya, Nishit" userId="d6171631-3d08-453d-8afd-2dc62a5026e2" providerId="ADAL" clId="{6505E94C-63E7-437A-9BC6-FC4B9F6B4C42}" dt="2020-12-21T22:43:43.327" v="296" actId="6549"/>
      <pc:docMkLst>
        <pc:docMk/>
      </pc:docMkLst>
      <pc:sldChg chg="modSp">
        <pc:chgData name="Ajwaliya, Nishit" userId="d6171631-3d08-453d-8afd-2dc62a5026e2" providerId="ADAL" clId="{6505E94C-63E7-437A-9BC6-FC4B9F6B4C42}" dt="2020-12-21T21:37:39.703" v="192" actId="20577"/>
        <pc:sldMkLst>
          <pc:docMk/>
          <pc:sldMk cId="2874908917" sldId="493"/>
        </pc:sldMkLst>
        <pc:spChg chg="mod">
          <ac:chgData name="Ajwaliya, Nishit" userId="d6171631-3d08-453d-8afd-2dc62a5026e2" providerId="ADAL" clId="{6505E94C-63E7-437A-9BC6-FC4B9F6B4C42}" dt="2020-12-21T21:37:39.703" v="192" actId="20577"/>
          <ac:spMkLst>
            <pc:docMk/>
            <pc:sldMk cId="2874908917" sldId="493"/>
            <ac:spMk id="19" creationId="{948126CF-A5B8-47CE-AA62-DD2EDDE837D6}"/>
          </ac:spMkLst>
        </pc:spChg>
      </pc:sldChg>
      <pc:sldChg chg="modSp">
        <pc:chgData name="Ajwaliya, Nishit" userId="d6171631-3d08-453d-8afd-2dc62a5026e2" providerId="ADAL" clId="{6505E94C-63E7-437A-9BC6-FC4B9F6B4C42}" dt="2020-12-21T20:37:35.886" v="138" actId="20577"/>
        <pc:sldMkLst>
          <pc:docMk/>
          <pc:sldMk cId="1905299494" sldId="761"/>
        </pc:sldMkLst>
        <pc:spChg chg="mod">
          <ac:chgData name="Ajwaliya, Nishit" userId="d6171631-3d08-453d-8afd-2dc62a5026e2" providerId="ADAL" clId="{6505E94C-63E7-437A-9BC6-FC4B9F6B4C42}" dt="2020-12-21T20:37:35.886" v="138" actId="20577"/>
          <ac:spMkLst>
            <pc:docMk/>
            <pc:sldMk cId="1905299494" sldId="761"/>
            <ac:spMk id="5" creationId="{B024C103-4B18-4DC9-94D5-A166B433FC07}"/>
          </ac:spMkLst>
        </pc:spChg>
      </pc:sldChg>
      <pc:sldChg chg="addSp delSp modSp">
        <pc:chgData name="Ajwaliya, Nishit" userId="d6171631-3d08-453d-8afd-2dc62a5026e2" providerId="ADAL" clId="{6505E94C-63E7-437A-9BC6-FC4B9F6B4C42}" dt="2020-12-21T22:33:05.710" v="215" actId="1035"/>
        <pc:sldMkLst>
          <pc:docMk/>
          <pc:sldMk cId="3363999467" sldId="6870"/>
        </pc:sldMkLst>
        <pc:picChg chg="add mod">
          <ac:chgData name="Ajwaliya, Nishit" userId="d6171631-3d08-453d-8afd-2dc62a5026e2" providerId="ADAL" clId="{6505E94C-63E7-437A-9BC6-FC4B9F6B4C42}" dt="2020-12-21T22:33:05.710" v="215" actId="1035"/>
          <ac:picMkLst>
            <pc:docMk/>
            <pc:sldMk cId="3363999467" sldId="6870"/>
            <ac:picMk id="3" creationId="{0DCD3F7F-D2B7-4CBD-B171-0054ED03B57A}"/>
          </ac:picMkLst>
        </pc:picChg>
        <pc:picChg chg="del">
          <ac:chgData name="Ajwaliya, Nishit" userId="d6171631-3d08-453d-8afd-2dc62a5026e2" providerId="ADAL" clId="{6505E94C-63E7-437A-9BC6-FC4B9F6B4C42}" dt="2020-12-21T22:32:42.304" v="203" actId="478"/>
          <ac:picMkLst>
            <pc:docMk/>
            <pc:sldMk cId="3363999467" sldId="6870"/>
            <ac:picMk id="4" creationId="{8C1D280F-A460-40C4-8211-C66A0EC13D2F}"/>
          </ac:picMkLst>
        </pc:picChg>
      </pc:sldChg>
      <pc:sldChg chg="add">
        <pc:chgData name="Ajwaliya, Nishit" userId="d6171631-3d08-453d-8afd-2dc62a5026e2" providerId="ADAL" clId="{6505E94C-63E7-437A-9BC6-FC4B9F6B4C42}" dt="2020-12-21T22:13:58.432" v="201"/>
        <pc:sldMkLst>
          <pc:docMk/>
          <pc:sldMk cId="2165238967" sldId="6898"/>
        </pc:sldMkLst>
      </pc:sldChg>
    </pc:docChg>
  </pc:docChgLst>
  <pc:docChgLst>
    <pc:chgData name="Nishit Ajwaliya" userId="d6171631-3d08-453d-8afd-2dc62a5026e2" providerId="ADAL" clId="{41A18AF6-1435-42F9-8967-77A05D84634E}"/>
    <pc:docChg chg="undo custSel addSld delSld modSld">
      <pc:chgData name="Nishit Ajwaliya" userId="d6171631-3d08-453d-8afd-2dc62a5026e2" providerId="ADAL" clId="{41A18AF6-1435-42F9-8967-77A05D84634E}" dt="2021-02-19T15:15:31.051" v="35"/>
      <pc:docMkLst>
        <pc:docMk/>
      </pc:docMkLst>
      <pc:sldChg chg="modSp">
        <pc:chgData name="Nishit Ajwaliya" userId="d6171631-3d08-453d-8afd-2dc62a5026e2" providerId="ADAL" clId="{41A18AF6-1435-42F9-8967-77A05D84634E}" dt="2021-02-18T22:33:25.724" v="13" actId="20577"/>
        <pc:sldMkLst>
          <pc:docMk/>
          <pc:sldMk cId="2874908917" sldId="493"/>
        </pc:sldMkLst>
        <pc:spChg chg="mod">
          <ac:chgData name="Nishit Ajwaliya" userId="d6171631-3d08-453d-8afd-2dc62a5026e2" providerId="ADAL" clId="{41A18AF6-1435-42F9-8967-77A05D84634E}" dt="2021-02-18T22:33:25.724" v="13" actId="20577"/>
          <ac:spMkLst>
            <pc:docMk/>
            <pc:sldMk cId="2874908917" sldId="493"/>
            <ac:spMk id="19" creationId="{948126CF-A5B8-47CE-AA62-DD2EDDE837D6}"/>
          </ac:spMkLst>
        </pc:spChg>
      </pc:sldChg>
      <pc:sldChg chg="modSp">
        <pc:chgData name="Nishit Ajwaliya" userId="d6171631-3d08-453d-8afd-2dc62a5026e2" providerId="ADAL" clId="{41A18AF6-1435-42F9-8967-77A05D84634E}" dt="2021-02-18T22:33:49.458" v="15" actId="20577"/>
        <pc:sldMkLst>
          <pc:docMk/>
          <pc:sldMk cId="105799718" sldId="6872"/>
        </pc:sldMkLst>
        <pc:graphicFrameChg chg="modGraphic">
          <ac:chgData name="Nishit Ajwaliya" userId="d6171631-3d08-453d-8afd-2dc62a5026e2" providerId="ADAL" clId="{41A18AF6-1435-42F9-8967-77A05D84634E}" dt="2021-02-18T22:33:49.458" v="15" actId="20577"/>
          <ac:graphicFrameMkLst>
            <pc:docMk/>
            <pc:sldMk cId="105799718" sldId="6872"/>
            <ac:graphicFrameMk id="5" creationId="{608D85BD-C5FD-42AE-B33A-1F65DB3FCBED}"/>
          </ac:graphicFrameMkLst>
        </pc:graphicFrameChg>
      </pc:sldChg>
      <pc:sldChg chg="delSp">
        <pc:chgData name="Nishit Ajwaliya" userId="d6171631-3d08-453d-8afd-2dc62a5026e2" providerId="ADAL" clId="{41A18AF6-1435-42F9-8967-77A05D84634E}" dt="2021-02-19T14:20:59.784" v="29" actId="478"/>
        <pc:sldMkLst>
          <pc:docMk/>
          <pc:sldMk cId="2367798465" sldId="6890"/>
        </pc:sldMkLst>
        <pc:spChg chg="del">
          <ac:chgData name="Nishit Ajwaliya" userId="d6171631-3d08-453d-8afd-2dc62a5026e2" providerId="ADAL" clId="{41A18AF6-1435-42F9-8967-77A05D84634E}" dt="2021-02-19T14:20:59.784" v="29" actId="478"/>
          <ac:spMkLst>
            <pc:docMk/>
            <pc:sldMk cId="2367798465" sldId="6890"/>
            <ac:spMk id="100" creationId="{4EB4EEC8-27F1-45B4-A248-B28863684008}"/>
          </ac:spMkLst>
        </pc:spChg>
      </pc:sldChg>
      <pc:sldChg chg="add del">
        <pc:chgData name="Nishit Ajwaliya" userId="d6171631-3d08-453d-8afd-2dc62a5026e2" providerId="ADAL" clId="{41A18AF6-1435-42F9-8967-77A05D84634E}" dt="2021-02-18T22:35:43.978" v="28"/>
        <pc:sldMkLst>
          <pc:docMk/>
          <pc:sldMk cId="2165238967" sldId="6898"/>
        </pc:sldMkLst>
      </pc:sldChg>
      <pc:sldChg chg="add">
        <pc:chgData name="Nishit Ajwaliya" userId="d6171631-3d08-453d-8afd-2dc62a5026e2" providerId="ADAL" clId="{41A18AF6-1435-42F9-8967-77A05D84634E}" dt="2021-02-18T22:35:43.978" v="28"/>
        <pc:sldMkLst>
          <pc:docMk/>
          <pc:sldMk cId="2535754629" sldId="838840131"/>
        </pc:sldMkLst>
      </pc:sldChg>
      <pc:sldChg chg="add">
        <pc:chgData name="Nishit Ajwaliya" userId="d6171631-3d08-453d-8afd-2dc62a5026e2" providerId="ADAL" clId="{41A18AF6-1435-42F9-8967-77A05D84634E}" dt="2021-02-19T14:43:27.673" v="32"/>
        <pc:sldMkLst>
          <pc:docMk/>
          <pc:sldMk cId="1291320531" sldId="2147307466"/>
        </pc:sldMkLst>
      </pc:sldChg>
      <pc:sldChg chg="add">
        <pc:chgData name="Nishit Ajwaliya" userId="d6171631-3d08-453d-8afd-2dc62a5026e2" providerId="ADAL" clId="{41A18AF6-1435-42F9-8967-77A05D84634E}" dt="2021-02-19T15:15:31.051" v="35"/>
        <pc:sldMkLst>
          <pc:docMk/>
          <pc:sldMk cId="2569511727" sldId="2147307467"/>
        </pc:sldMkLst>
      </pc:sldChg>
    </pc:docChg>
  </pc:docChgLst>
</pc:chgInfo>
</file>

<file path=ppt/diagrams/_rels/data1.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png"/><Relationship Id="rId7" Type="http://schemas.microsoft.com/office/2007/relationships/hdphoto" Target="../media/hdphoto1.wdp"/><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5" Type="http://schemas.openxmlformats.org/officeDocument/2006/relationships/image" Target="../media/image14.png"/><Relationship Id="rId10" Type="http://schemas.openxmlformats.org/officeDocument/2006/relationships/image" Target="../media/image18.svg"/><Relationship Id="rId4" Type="http://schemas.openxmlformats.org/officeDocument/2006/relationships/image" Target="../media/image13.svg"/><Relationship Id="rId9" Type="http://schemas.openxmlformats.org/officeDocument/2006/relationships/image" Target="../media/image17.png"/></Relationships>
</file>

<file path=ppt/diagrams/_rels/drawing1.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png"/><Relationship Id="rId7" Type="http://schemas.microsoft.com/office/2007/relationships/hdphoto" Target="../media/hdphoto1.wdp"/><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5" Type="http://schemas.openxmlformats.org/officeDocument/2006/relationships/image" Target="../media/image14.png"/><Relationship Id="rId10" Type="http://schemas.openxmlformats.org/officeDocument/2006/relationships/image" Target="../media/image18.svg"/><Relationship Id="rId4" Type="http://schemas.openxmlformats.org/officeDocument/2006/relationships/image" Target="../media/image13.svg"/><Relationship Id="rId9" Type="http://schemas.openxmlformats.org/officeDocument/2006/relationships/image" Target="../media/image17.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r>
            <a:rPr lang="en-US" sz="110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r>
            <a:rPr lang="en-US" sz="1100"/>
            <a:t>Data Quality</a:t>
          </a:r>
        </a:p>
        <a:p>
          <a:r>
            <a:rPr lang="en-US" sz="1100"/>
            <a:t>(Data Trust</a:t>
          </a:r>
          <a:r>
            <a:rPr lang="en-US" sz="1000"/>
            <a:t>)</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a:ln>
          <a:solidFill>
            <a:schemeClr val="accent3">
              <a:lumMod val="50000"/>
            </a:schemeClr>
          </a:solidFill>
        </a:ln>
      </dgm:spPr>
      <dgm:t>
        <a:bodyPr/>
        <a:lstStyle/>
        <a:p>
          <a:r>
            <a:rPr lang="en-US" sz="1200"/>
            <a:t>Master Data Management</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dgm:spPr/>
      <dgm:t>
        <a:bodyPr/>
        <a:lstStyle/>
        <a:p>
          <a:r>
            <a:rPr lang="en-US"/>
            <a:t>Info Governance, Data Analytics &amp; Advanced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r>
            <a:rPr lang="en-US" sz="110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dgm:spPr>
        <a:ln w="44450">
          <a:solidFill>
            <a:schemeClr val="bg1"/>
          </a:solidFill>
        </a:ln>
      </dgm:spPr>
      <dgm:t>
        <a:bodyPr/>
        <a:lstStyle/>
        <a:p>
          <a:r>
            <a:rPr lang="en-US" b="0" dirty="0">
              <a:solidFill>
                <a:schemeClr val="bg1"/>
              </a:solidFill>
            </a:rPr>
            <a:t>Cloud Data Platform</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r>
            <a:rPr lang="en-US" sz="1100"/>
            <a:t>Data Architecture</a:t>
          </a:r>
        </a:p>
        <a:p>
          <a:r>
            <a:rPr lang="en-US" sz="1100"/>
            <a:t>(Corporate Models and Standards)</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7" custScaleX="142273" custLinFactNeighborX="-36207" custLinFactNeighborY="-1732"/>
      <dgm:spPr/>
    </dgm:pt>
    <dgm:pt modelId="{E089337E-1AE5-40E5-B9D1-CC89DD8CC3C7}" type="pres">
      <dgm:prSet presAssocID="{571E1087-7D6A-471C-9419-A92999F36D66}" presName="nodeTx" presStyleLbl="node1" presStyleIdx="0" presStyleCnt="7">
        <dgm:presLayoutVars>
          <dgm:bulletEnabled val="1"/>
        </dgm:presLayoutVars>
      </dgm:prSet>
      <dgm:spPr/>
    </dgm:pt>
    <dgm:pt modelId="{A002B9AF-3CB1-4606-8FA7-A0B2754BCA6A}" type="pres">
      <dgm:prSet presAssocID="{571E1087-7D6A-471C-9419-A92999F36D66}" presName="invisiNode" presStyleLbl="node1" presStyleIdx="0" presStyleCnt="7"/>
      <dgm:spPr/>
    </dgm:pt>
    <dgm:pt modelId="{07BF33EC-F0B5-4BCF-96CA-2030E640F547}" type="pres">
      <dgm:prSet presAssocID="{571E1087-7D6A-471C-9419-A92999F36D66}" presName="imagNode" presStyleLbl="fgImgPlace1" presStyleIdx="0" presStyleCnt="7" custScaleX="85791" custScaleY="87764" custLinFactNeighborX="5638"/>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7" custScaleX="135865" custLinFactNeighborX="-124"/>
      <dgm:spPr/>
    </dgm:pt>
    <dgm:pt modelId="{6C9E1F73-A3F0-4A74-AC51-B9A05ED9200E}" type="pres">
      <dgm:prSet presAssocID="{EBF27719-E40A-4DFC-BA84-37893AE574F8}" presName="nodeTx" presStyleLbl="node1" presStyleIdx="1" presStyleCnt="7">
        <dgm:presLayoutVars>
          <dgm:bulletEnabled val="1"/>
        </dgm:presLayoutVars>
      </dgm:prSet>
      <dgm:spPr/>
    </dgm:pt>
    <dgm:pt modelId="{7EEE7DBF-08DB-479C-8447-F6F46AEA66F7}" type="pres">
      <dgm:prSet presAssocID="{EBF27719-E40A-4DFC-BA84-37893AE574F8}" presName="invisiNode" presStyleLbl="node1" presStyleIdx="1" presStyleCnt="7"/>
      <dgm:spPr/>
    </dgm:pt>
    <dgm:pt modelId="{1615D6A3-D3AB-4F8F-84C8-009EDE3FBA2D}" type="pres">
      <dgm:prSet presAssocID="{EBF27719-E40A-4DFC-BA84-37893AE574F8}" presName="imagNode" presStyleLbl="fgImgPlace1" presStyleIdx="1" presStyleCnt="7" custScaleX="85791" custScaleY="87764"/>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7" custScaleX="126576" custLinFactNeighborX="-1589" custLinFactNeighborY="23763"/>
      <dgm:spPr/>
    </dgm:pt>
    <dgm:pt modelId="{732E2990-C00C-4901-9ACC-E24D0D8D2BCA}" type="pres">
      <dgm:prSet presAssocID="{EFD8896C-BAC6-4FAD-86F3-C1F0FF0DDC5B}" presName="nodeTx" presStyleLbl="node1" presStyleIdx="2" presStyleCnt="7">
        <dgm:presLayoutVars>
          <dgm:bulletEnabled val="1"/>
        </dgm:presLayoutVars>
      </dgm:prSet>
      <dgm:spPr/>
    </dgm:pt>
    <dgm:pt modelId="{45F750BB-6DF2-4823-B651-60560AE859A3}" type="pres">
      <dgm:prSet presAssocID="{EFD8896C-BAC6-4FAD-86F3-C1F0FF0DDC5B}" presName="invisiNode" presStyleLbl="node1" presStyleIdx="2" presStyleCnt="7"/>
      <dgm:spPr/>
    </dgm:pt>
    <dgm:pt modelId="{BEDA3E5D-A12C-435D-97C1-A9FFF44FD81F}" type="pres">
      <dgm:prSet presAssocID="{EFD8896C-BAC6-4FAD-86F3-C1F0FF0DDC5B}" presName="imagNode" presStyleLbl="fgImgPlace1" presStyleIdx="2" presStyleCnt="7" custScaleX="85791" custScaleY="87764" custLinFactNeighborX="-2935" custLinFactNeighborY="1876"/>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7" custScaleX="135650" custLinFactNeighborX="-6498"/>
      <dgm:spPr/>
    </dgm:pt>
    <dgm:pt modelId="{2681126E-B589-426B-8C74-1B74D7A98A59}" type="pres">
      <dgm:prSet presAssocID="{B8F4FAE0-446C-4BBB-A223-B697CE27B3A6}" presName="nodeTx" presStyleLbl="node1" presStyleIdx="3" presStyleCnt="7">
        <dgm:presLayoutVars>
          <dgm:bulletEnabled val="1"/>
        </dgm:presLayoutVars>
      </dgm:prSet>
      <dgm:spPr/>
    </dgm:pt>
    <dgm:pt modelId="{00B0C7CB-1E36-40F8-966B-EE17000BF579}" type="pres">
      <dgm:prSet presAssocID="{B8F4FAE0-446C-4BBB-A223-B697CE27B3A6}" presName="invisiNode" presStyleLbl="node1" presStyleIdx="3" presStyleCnt="7"/>
      <dgm:spPr/>
    </dgm:pt>
    <dgm:pt modelId="{E8E7DF40-5BF1-4156-A4F3-612DF1C87420}" type="pres">
      <dgm:prSet presAssocID="{B8F4FAE0-446C-4BBB-A223-B697CE27B3A6}" presName="imagNode" presStyleLbl="fgImgPlace1" presStyleIdx="3" presStyleCnt="7" custScaleX="85791" custScaleY="87764" custLinFactNeighborX="-6250" custLinFactNeighborY="1876"/>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7" custScaleX="141344" custLinFactNeighborX="-8377"/>
      <dgm:spPr/>
    </dgm:pt>
    <dgm:pt modelId="{AC867A0F-990D-4237-A778-D9CB175680F5}" type="pres">
      <dgm:prSet presAssocID="{F30EF5E1-8225-437D-A150-5492B2834332}" presName="nodeTx" presStyleLbl="node1" presStyleIdx="4" presStyleCnt="7">
        <dgm:presLayoutVars>
          <dgm:bulletEnabled val="1"/>
        </dgm:presLayoutVars>
      </dgm:prSet>
      <dgm:spPr/>
    </dgm:pt>
    <dgm:pt modelId="{7658A2C6-C7C8-4AD7-8278-FEFC5D91099F}" type="pres">
      <dgm:prSet presAssocID="{F30EF5E1-8225-437D-A150-5492B2834332}" presName="invisiNode" presStyleLbl="node1" presStyleIdx="4" presStyleCnt="7"/>
      <dgm:spPr/>
    </dgm:pt>
    <dgm:pt modelId="{9F75CEE9-1592-4FE0-AA32-210CB8C526F4}" type="pres">
      <dgm:prSet presAssocID="{F30EF5E1-8225-437D-A150-5492B2834332}" presName="imagNode" presStyleLbl="fgImgPlace1" presStyleIdx="4" presStyleCnt="7" custScaleX="85791" custScaleY="87764" custLinFactNeighborX="-9779" custLinFactNeighborY="58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7" custScaleX="141845" custLinFactNeighborX="-6967"/>
      <dgm:spPr/>
    </dgm:pt>
    <dgm:pt modelId="{6F3E5CB6-8170-4FE3-9141-E5B4CBF6BE54}" type="pres">
      <dgm:prSet presAssocID="{D2289D3D-59F5-4A90-9EC7-423E6DE8FC89}" presName="nodeTx" presStyleLbl="node1" presStyleIdx="5" presStyleCnt="7">
        <dgm:presLayoutVars>
          <dgm:bulletEnabled val="1"/>
        </dgm:presLayoutVars>
      </dgm:prSet>
      <dgm:spPr/>
    </dgm:pt>
    <dgm:pt modelId="{5FA61A72-2CD4-48BB-A22B-78C6D885526A}" type="pres">
      <dgm:prSet presAssocID="{D2289D3D-59F5-4A90-9EC7-423E6DE8FC89}" presName="invisiNode" presStyleLbl="node1" presStyleIdx="5" presStyleCnt="7"/>
      <dgm:spPr/>
    </dgm:pt>
    <dgm:pt modelId="{8B85A619-B930-4B84-928F-D0B14EB2D4CE}" type="pres">
      <dgm:prSet presAssocID="{D2289D3D-59F5-4A90-9EC7-423E6DE8FC89}" presName="imagNode" presStyleLbl="fgImgPlace1" presStyleIdx="5" presStyleCnt="7" custScaleX="85791" custScaleY="87764" custLinFactNeighborX="-14420" custLinFactNeighborY="587"/>
      <dgm:spPr>
        <a:blipFill dpi="0" rotWithShape="1">
          <a:blip xmlns:r="http://schemas.openxmlformats.org/officeDocument/2006/relationships" r:embed="rId8">
            <a:extLst>
              <a:ext uri="{28A0092B-C50C-407E-A947-70E740481C1C}">
                <a14:useLocalDpi xmlns:a14="http://schemas.microsoft.com/office/drawing/2010/main" val="0"/>
              </a:ext>
            </a:extLst>
          </a:blip>
          <a:srcRect/>
          <a:stretch>
            <a:fillRect l="11302" t="11748" r="11302" b="11748"/>
          </a:stretch>
        </a:blipFill>
        <a:ln>
          <a:solidFill>
            <a:schemeClr val="bg1"/>
          </a:solidFill>
        </a:ln>
      </dgm:spPr>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7" custScaleX="136845" custLinFactNeighborX="-12916"/>
      <dgm:spPr/>
    </dgm:pt>
    <dgm:pt modelId="{A5945B4F-6137-48B8-987A-6FFCEF67CE83}" type="pres">
      <dgm:prSet presAssocID="{6B9B2343-BF64-4201-9690-86AF2566AF18}" presName="nodeTx" presStyleLbl="node1" presStyleIdx="6" presStyleCnt="7">
        <dgm:presLayoutVars>
          <dgm:bulletEnabled val="1"/>
        </dgm:presLayoutVars>
      </dgm:prSet>
      <dgm:spPr/>
    </dgm:pt>
    <dgm:pt modelId="{A3544060-93EC-4F76-9417-95ED50189C49}" type="pres">
      <dgm:prSet presAssocID="{6B9B2343-BF64-4201-9690-86AF2566AF18}" presName="invisiNode" presStyleLbl="node1" presStyleIdx="6" presStyleCnt="7"/>
      <dgm:spPr/>
    </dgm:pt>
    <dgm:pt modelId="{082EA2B0-9575-4686-9690-E2D742C8C3AD}" type="pres">
      <dgm:prSet presAssocID="{6B9B2343-BF64-4201-9690-86AF2566AF18}" presName="imagNode" presStyleLbl="fgImgPlace1" presStyleIdx="6" presStyleCnt="7" custScaleX="85791" custScaleY="87764" custLinFactNeighborX="-21008" custLinFactNeighborY="-173"/>
      <dgm:spPr>
        <a:blipFill dpi="0" rotWithShape="1">
          <a:blip xmlns:r="http://schemas.openxmlformats.org/officeDocument/2006/relationships" r:embed="rId9">
            <a:lum bright="70000" contrast="-70000"/>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l="246" t="6967" r="246" b="6967"/>
          </a:stretch>
        </a:blipFill>
      </dgm:spPr>
      <dgm:extLst>
        <a:ext uri="{E40237B7-FDA0-4F09-8148-C483321AD2D9}">
          <dgm14:cNvPr xmlns:dgm14="http://schemas.microsoft.com/office/drawing/2010/diagram" id="0" name="" descr="Lightbulb"/>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4D29040-2113-4F2D-832B-BAB43F286DB7}" type="doc">
      <dgm:prSet loTypeId="urn:microsoft.com/office/officeart/2005/8/layout/pyramid1" loCatId="pyramid" qsTypeId="urn:microsoft.com/office/officeart/2005/8/quickstyle/simple1" qsCatId="simple" csTypeId="urn:microsoft.com/office/officeart/2005/8/colors/accent1_2" csCatId="accent1" phldr="1"/>
      <dgm:spPr/>
    </dgm:pt>
    <dgm:pt modelId="{29059925-2E8A-4350-9B53-100E92CA9919}">
      <dgm:prSet phldrT="[Text]" custT="1"/>
      <dgm:spPr>
        <a:solidFill>
          <a:srgbClr val="00B050"/>
        </a:solidFill>
      </dgm:spPr>
      <dgm:t>
        <a:bodyPr/>
        <a:lstStyle/>
        <a:p>
          <a:pPr>
            <a:spcAft>
              <a:spcPts val="0"/>
            </a:spcAft>
          </a:pPr>
          <a:endParaRPr lang="en-US" sz="1100" dirty="0">
            <a:solidFill>
              <a:schemeClr val="bg1"/>
            </a:solidFill>
          </a:endParaRPr>
        </a:p>
        <a:p>
          <a:pPr>
            <a:spcAft>
              <a:spcPts val="0"/>
            </a:spcAft>
          </a:pPr>
          <a:endParaRPr lang="en-US" sz="1100" dirty="0">
            <a:solidFill>
              <a:schemeClr val="bg1"/>
            </a:solidFill>
          </a:endParaRPr>
        </a:p>
        <a:p>
          <a:pPr>
            <a:spcAft>
              <a:spcPts val="0"/>
            </a:spcAft>
          </a:pPr>
          <a:r>
            <a:rPr lang="en-US" sz="1100" dirty="0">
              <a:solidFill>
                <a:schemeClr val="bg1"/>
              </a:solidFill>
            </a:rPr>
            <a:t>Meta</a:t>
          </a:r>
        </a:p>
        <a:p>
          <a:pPr>
            <a:spcAft>
              <a:spcPts val="0"/>
            </a:spcAft>
          </a:pPr>
          <a:r>
            <a:rPr lang="en-US" sz="1100" dirty="0">
              <a:solidFill>
                <a:schemeClr val="bg1"/>
              </a:solidFill>
            </a:rPr>
            <a:t>Data</a:t>
          </a:r>
        </a:p>
      </dgm:t>
    </dgm:pt>
    <dgm:pt modelId="{4E56D511-E4C2-48C4-A256-615CB38CA0A4}" type="parTrans" cxnId="{5D90925A-8F3A-4FAC-BA06-01610EF4F516}">
      <dgm:prSet/>
      <dgm:spPr/>
      <dgm:t>
        <a:bodyPr/>
        <a:lstStyle/>
        <a:p>
          <a:endParaRPr lang="en-US"/>
        </a:p>
      </dgm:t>
    </dgm:pt>
    <dgm:pt modelId="{A06C968F-82D3-4389-B2AC-9DA27819089F}" type="sibTrans" cxnId="{5D90925A-8F3A-4FAC-BA06-01610EF4F516}">
      <dgm:prSet/>
      <dgm:spPr/>
      <dgm:t>
        <a:bodyPr/>
        <a:lstStyle/>
        <a:p>
          <a:endParaRPr lang="en-US"/>
        </a:p>
      </dgm:t>
    </dgm:pt>
    <dgm:pt modelId="{01E23262-EEFE-454E-ACDB-F07FB8D3BF07}">
      <dgm:prSet phldrT="[Text]"/>
      <dgm:spPr/>
      <dgm:t>
        <a:bodyPr/>
        <a:lstStyle/>
        <a:p>
          <a:r>
            <a:rPr lang="en-US" dirty="0">
              <a:solidFill>
                <a:schemeClr val="bg1"/>
              </a:solidFill>
            </a:rPr>
            <a:t>Reference Data</a:t>
          </a:r>
        </a:p>
      </dgm:t>
    </dgm:pt>
    <dgm:pt modelId="{F752599E-1E26-4D95-97D9-65503A87F1BA}" type="parTrans" cxnId="{83E2E280-509F-42B0-B1ED-C8F0DDDE1BE2}">
      <dgm:prSet/>
      <dgm:spPr/>
      <dgm:t>
        <a:bodyPr/>
        <a:lstStyle/>
        <a:p>
          <a:endParaRPr lang="en-US"/>
        </a:p>
      </dgm:t>
    </dgm:pt>
    <dgm:pt modelId="{FC6E6285-FCFB-4C22-85AC-CA3461B68501}" type="sibTrans" cxnId="{83E2E280-509F-42B0-B1ED-C8F0DDDE1BE2}">
      <dgm:prSet/>
      <dgm:spPr/>
      <dgm:t>
        <a:bodyPr/>
        <a:lstStyle/>
        <a:p>
          <a:endParaRPr lang="en-US"/>
        </a:p>
      </dgm:t>
    </dgm:pt>
    <dgm:pt modelId="{1140426C-2F34-4352-969C-20E72E6E3847}">
      <dgm:prSet phldrT="[Text]"/>
      <dgm:spPr/>
      <dgm:t>
        <a:bodyPr/>
        <a:lstStyle/>
        <a:p>
          <a:r>
            <a:rPr lang="en-US" dirty="0">
              <a:solidFill>
                <a:schemeClr val="bg1"/>
              </a:solidFill>
            </a:rPr>
            <a:t>Enterprise Structure Data</a:t>
          </a:r>
        </a:p>
      </dgm:t>
    </dgm:pt>
    <dgm:pt modelId="{F6C3C8AF-10CB-4757-8955-F1B3E72AC763}" type="parTrans" cxnId="{8C3D2498-2B9A-4737-BA70-5FB25565CF34}">
      <dgm:prSet/>
      <dgm:spPr/>
      <dgm:t>
        <a:bodyPr/>
        <a:lstStyle/>
        <a:p>
          <a:endParaRPr lang="en-US"/>
        </a:p>
      </dgm:t>
    </dgm:pt>
    <dgm:pt modelId="{A4B83EFD-74AB-4E48-949F-8D6C4AE7A085}" type="sibTrans" cxnId="{8C3D2498-2B9A-4737-BA70-5FB25565CF34}">
      <dgm:prSet/>
      <dgm:spPr/>
      <dgm:t>
        <a:bodyPr/>
        <a:lstStyle/>
        <a:p>
          <a:endParaRPr lang="en-US"/>
        </a:p>
      </dgm:t>
    </dgm:pt>
    <dgm:pt modelId="{E48C395F-9626-413C-B98C-C1DA37A4F0EA}">
      <dgm:prSet phldrT="[Text]"/>
      <dgm:spPr/>
      <dgm:t>
        <a:bodyPr/>
        <a:lstStyle/>
        <a:p>
          <a:r>
            <a:rPr lang="en-US" dirty="0">
              <a:solidFill>
                <a:schemeClr val="bg1"/>
              </a:solidFill>
            </a:rPr>
            <a:t>Transaction Structure Data</a:t>
          </a:r>
        </a:p>
      </dgm:t>
    </dgm:pt>
    <dgm:pt modelId="{6D2C9A79-BAD4-42CF-88FC-DF8AB757E904}" type="parTrans" cxnId="{ACD43D5B-66F3-4165-B40D-CF113101401C}">
      <dgm:prSet/>
      <dgm:spPr/>
      <dgm:t>
        <a:bodyPr/>
        <a:lstStyle/>
        <a:p>
          <a:endParaRPr lang="en-US"/>
        </a:p>
      </dgm:t>
    </dgm:pt>
    <dgm:pt modelId="{3EA7F682-BFB6-443D-8697-0A98B23C4871}" type="sibTrans" cxnId="{ACD43D5B-66F3-4165-B40D-CF113101401C}">
      <dgm:prSet/>
      <dgm:spPr/>
      <dgm:t>
        <a:bodyPr/>
        <a:lstStyle/>
        <a:p>
          <a:endParaRPr lang="en-US"/>
        </a:p>
      </dgm:t>
    </dgm:pt>
    <dgm:pt modelId="{5F94AAC7-797C-46FD-9103-588F2B1312BE}">
      <dgm:prSet phldrT="[Text]"/>
      <dgm:spPr>
        <a:solidFill>
          <a:schemeClr val="accent3">
            <a:lumMod val="60000"/>
            <a:lumOff val="40000"/>
          </a:schemeClr>
        </a:solidFill>
      </dgm:spPr>
      <dgm:t>
        <a:bodyPr/>
        <a:lstStyle/>
        <a:p>
          <a:r>
            <a:rPr lang="en-US" dirty="0">
              <a:solidFill>
                <a:schemeClr val="bg1"/>
              </a:solidFill>
            </a:rPr>
            <a:t>Transaction Activity Data</a:t>
          </a:r>
        </a:p>
      </dgm:t>
    </dgm:pt>
    <dgm:pt modelId="{BDDA4861-037A-464E-92AA-8B3C604EAFA6}" type="sibTrans" cxnId="{C24CE4E4-B37F-4656-BC65-65E678729C26}">
      <dgm:prSet/>
      <dgm:spPr/>
      <dgm:t>
        <a:bodyPr/>
        <a:lstStyle/>
        <a:p>
          <a:endParaRPr lang="en-US"/>
        </a:p>
      </dgm:t>
    </dgm:pt>
    <dgm:pt modelId="{A5762B61-50F0-4F98-876A-E03C47AE4123}" type="parTrans" cxnId="{C24CE4E4-B37F-4656-BC65-65E678729C26}">
      <dgm:prSet/>
      <dgm:spPr/>
      <dgm:t>
        <a:bodyPr/>
        <a:lstStyle/>
        <a:p>
          <a:endParaRPr lang="en-US"/>
        </a:p>
      </dgm:t>
    </dgm:pt>
    <dgm:pt modelId="{DFF5266B-ECAF-4131-9D83-F44BEDDE67C8}">
      <dgm:prSet phldrT="[Text]"/>
      <dgm:spPr>
        <a:solidFill>
          <a:schemeClr val="accent3">
            <a:lumMod val="60000"/>
            <a:lumOff val="40000"/>
          </a:schemeClr>
        </a:solidFill>
      </dgm:spPr>
      <dgm:t>
        <a:bodyPr/>
        <a:lstStyle/>
        <a:p>
          <a:r>
            <a:rPr lang="en-US" dirty="0">
              <a:solidFill>
                <a:schemeClr val="bg1"/>
              </a:solidFill>
            </a:rPr>
            <a:t>Transaction Audit Data</a:t>
          </a:r>
        </a:p>
      </dgm:t>
    </dgm:pt>
    <dgm:pt modelId="{AF820CCA-C5D3-44B9-885D-4F46487519FF}" type="sibTrans" cxnId="{427009C5-C3B5-442A-B7CA-3D9636489DDB}">
      <dgm:prSet/>
      <dgm:spPr/>
      <dgm:t>
        <a:bodyPr/>
        <a:lstStyle/>
        <a:p>
          <a:endParaRPr lang="en-US"/>
        </a:p>
      </dgm:t>
    </dgm:pt>
    <dgm:pt modelId="{89B08C3F-6208-48BC-9D5E-A37804DF8A60}" type="parTrans" cxnId="{427009C5-C3B5-442A-B7CA-3D9636489DDB}">
      <dgm:prSet/>
      <dgm:spPr/>
      <dgm:t>
        <a:bodyPr/>
        <a:lstStyle/>
        <a:p>
          <a:endParaRPr lang="en-US"/>
        </a:p>
      </dgm:t>
    </dgm:pt>
    <dgm:pt modelId="{AB761F0E-7978-4452-949A-5F9AD2BCF045}" type="pres">
      <dgm:prSet presAssocID="{A4D29040-2113-4F2D-832B-BAB43F286DB7}" presName="Name0" presStyleCnt="0">
        <dgm:presLayoutVars>
          <dgm:dir/>
          <dgm:animLvl val="lvl"/>
          <dgm:resizeHandles val="exact"/>
        </dgm:presLayoutVars>
      </dgm:prSet>
      <dgm:spPr/>
    </dgm:pt>
    <dgm:pt modelId="{98C63232-74C0-4B80-BBCB-9A6F487A9B02}" type="pres">
      <dgm:prSet presAssocID="{29059925-2E8A-4350-9B53-100E92CA9919}" presName="Name8" presStyleCnt="0"/>
      <dgm:spPr/>
    </dgm:pt>
    <dgm:pt modelId="{ED4DA8FA-A3FB-4C55-BD21-DD3D7AA32F3F}" type="pres">
      <dgm:prSet presAssocID="{29059925-2E8A-4350-9B53-100E92CA9919}" presName="level" presStyleLbl="node1" presStyleIdx="0" presStyleCnt="6" custLinFactNeighborY="-1449">
        <dgm:presLayoutVars>
          <dgm:chMax val="1"/>
          <dgm:bulletEnabled val="1"/>
        </dgm:presLayoutVars>
      </dgm:prSet>
      <dgm:spPr/>
    </dgm:pt>
    <dgm:pt modelId="{4F015351-FA21-4462-94B9-684597FCC12A}" type="pres">
      <dgm:prSet presAssocID="{29059925-2E8A-4350-9B53-100E92CA9919}" presName="levelTx" presStyleLbl="revTx" presStyleIdx="0" presStyleCnt="0">
        <dgm:presLayoutVars>
          <dgm:chMax val="1"/>
          <dgm:bulletEnabled val="1"/>
        </dgm:presLayoutVars>
      </dgm:prSet>
      <dgm:spPr/>
    </dgm:pt>
    <dgm:pt modelId="{11FA451C-7A3E-4AA9-99E0-5FD43219151B}" type="pres">
      <dgm:prSet presAssocID="{01E23262-EEFE-454E-ACDB-F07FB8D3BF07}" presName="Name8" presStyleCnt="0"/>
      <dgm:spPr/>
    </dgm:pt>
    <dgm:pt modelId="{BB6BBB52-8D27-42A3-BF0B-59F331A7486C}" type="pres">
      <dgm:prSet presAssocID="{01E23262-EEFE-454E-ACDB-F07FB8D3BF07}" presName="level" presStyleLbl="node1" presStyleIdx="1" presStyleCnt="6">
        <dgm:presLayoutVars>
          <dgm:chMax val="1"/>
          <dgm:bulletEnabled val="1"/>
        </dgm:presLayoutVars>
      </dgm:prSet>
      <dgm:spPr/>
    </dgm:pt>
    <dgm:pt modelId="{B5FA82ED-0D5A-4C0D-B37A-BDC7FD96203A}" type="pres">
      <dgm:prSet presAssocID="{01E23262-EEFE-454E-ACDB-F07FB8D3BF07}" presName="levelTx" presStyleLbl="revTx" presStyleIdx="0" presStyleCnt="0">
        <dgm:presLayoutVars>
          <dgm:chMax val="1"/>
          <dgm:bulletEnabled val="1"/>
        </dgm:presLayoutVars>
      </dgm:prSet>
      <dgm:spPr/>
    </dgm:pt>
    <dgm:pt modelId="{8C8D3559-EBE9-4F4C-AB22-36A67B9D6D04}" type="pres">
      <dgm:prSet presAssocID="{1140426C-2F34-4352-969C-20E72E6E3847}" presName="Name8" presStyleCnt="0"/>
      <dgm:spPr/>
    </dgm:pt>
    <dgm:pt modelId="{71C1E761-B715-4655-98F7-F13B4D34E88A}" type="pres">
      <dgm:prSet presAssocID="{1140426C-2F34-4352-969C-20E72E6E3847}" presName="level" presStyleLbl="node1" presStyleIdx="2" presStyleCnt="6">
        <dgm:presLayoutVars>
          <dgm:chMax val="1"/>
          <dgm:bulletEnabled val="1"/>
        </dgm:presLayoutVars>
      </dgm:prSet>
      <dgm:spPr/>
    </dgm:pt>
    <dgm:pt modelId="{E8AB8FB1-BBDD-4313-AA9F-3DA6FA31DE31}" type="pres">
      <dgm:prSet presAssocID="{1140426C-2F34-4352-969C-20E72E6E3847}" presName="levelTx" presStyleLbl="revTx" presStyleIdx="0" presStyleCnt="0">
        <dgm:presLayoutVars>
          <dgm:chMax val="1"/>
          <dgm:bulletEnabled val="1"/>
        </dgm:presLayoutVars>
      </dgm:prSet>
      <dgm:spPr/>
    </dgm:pt>
    <dgm:pt modelId="{A686285F-2E00-48EB-8A45-DE73C2B31840}" type="pres">
      <dgm:prSet presAssocID="{E48C395F-9626-413C-B98C-C1DA37A4F0EA}" presName="Name8" presStyleCnt="0"/>
      <dgm:spPr/>
    </dgm:pt>
    <dgm:pt modelId="{A2B582A8-0E77-4642-A9FB-DA2ACE668393}" type="pres">
      <dgm:prSet presAssocID="{E48C395F-9626-413C-B98C-C1DA37A4F0EA}" presName="level" presStyleLbl="node1" presStyleIdx="3" presStyleCnt="6">
        <dgm:presLayoutVars>
          <dgm:chMax val="1"/>
          <dgm:bulletEnabled val="1"/>
        </dgm:presLayoutVars>
      </dgm:prSet>
      <dgm:spPr/>
    </dgm:pt>
    <dgm:pt modelId="{CCEC65BD-01F8-4074-BE7C-80A566C9E484}" type="pres">
      <dgm:prSet presAssocID="{E48C395F-9626-413C-B98C-C1DA37A4F0EA}" presName="levelTx" presStyleLbl="revTx" presStyleIdx="0" presStyleCnt="0">
        <dgm:presLayoutVars>
          <dgm:chMax val="1"/>
          <dgm:bulletEnabled val="1"/>
        </dgm:presLayoutVars>
      </dgm:prSet>
      <dgm:spPr/>
    </dgm:pt>
    <dgm:pt modelId="{E562BEBC-91B3-4529-A6CD-B1C3AEA8C810}" type="pres">
      <dgm:prSet presAssocID="{5F94AAC7-797C-46FD-9103-588F2B1312BE}" presName="Name8" presStyleCnt="0"/>
      <dgm:spPr/>
    </dgm:pt>
    <dgm:pt modelId="{7CD2059E-4FBB-4D01-96DA-FB5DB724C603}" type="pres">
      <dgm:prSet presAssocID="{5F94AAC7-797C-46FD-9103-588F2B1312BE}" presName="level" presStyleLbl="node1" presStyleIdx="4" presStyleCnt="6">
        <dgm:presLayoutVars>
          <dgm:chMax val="1"/>
          <dgm:bulletEnabled val="1"/>
        </dgm:presLayoutVars>
      </dgm:prSet>
      <dgm:spPr/>
    </dgm:pt>
    <dgm:pt modelId="{06645874-3E0F-400E-95D6-A7A4EE802A6B}" type="pres">
      <dgm:prSet presAssocID="{5F94AAC7-797C-46FD-9103-588F2B1312BE}" presName="levelTx" presStyleLbl="revTx" presStyleIdx="0" presStyleCnt="0">
        <dgm:presLayoutVars>
          <dgm:chMax val="1"/>
          <dgm:bulletEnabled val="1"/>
        </dgm:presLayoutVars>
      </dgm:prSet>
      <dgm:spPr/>
    </dgm:pt>
    <dgm:pt modelId="{E44C2A3E-AA2A-4793-BBF3-734DF70E45B4}" type="pres">
      <dgm:prSet presAssocID="{DFF5266B-ECAF-4131-9D83-F44BEDDE67C8}" presName="Name8" presStyleCnt="0"/>
      <dgm:spPr/>
    </dgm:pt>
    <dgm:pt modelId="{1C0CFFB7-62BA-4727-9934-D98002B9A683}" type="pres">
      <dgm:prSet presAssocID="{DFF5266B-ECAF-4131-9D83-F44BEDDE67C8}" presName="level" presStyleLbl="node1" presStyleIdx="5" presStyleCnt="6" custLinFactNeighborX="3591">
        <dgm:presLayoutVars>
          <dgm:chMax val="1"/>
          <dgm:bulletEnabled val="1"/>
        </dgm:presLayoutVars>
      </dgm:prSet>
      <dgm:spPr/>
    </dgm:pt>
    <dgm:pt modelId="{416A9E77-E6E7-41E8-83C9-4CDC12CF6413}" type="pres">
      <dgm:prSet presAssocID="{DFF5266B-ECAF-4131-9D83-F44BEDDE67C8}" presName="levelTx" presStyleLbl="revTx" presStyleIdx="0" presStyleCnt="0">
        <dgm:presLayoutVars>
          <dgm:chMax val="1"/>
          <dgm:bulletEnabled val="1"/>
        </dgm:presLayoutVars>
      </dgm:prSet>
      <dgm:spPr/>
    </dgm:pt>
  </dgm:ptLst>
  <dgm:cxnLst>
    <dgm:cxn modelId="{5202B41B-83EB-4C21-B088-D28AD7B3FC87}" type="presOf" srcId="{DFF5266B-ECAF-4131-9D83-F44BEDDE67C8}" destId="{416A9E77-E6E7-41E8-83C9-4CDC12CF6413}" srcOrd="1" destOrd="0" presId="urn:microsoft.com/office/officeart/2005/8/layout/pyramid1"/>
    <dgm:cxn modelId="{025DA61F-8DD7-4E84-9279-B8FB848B2C40}" type="presOf" srcId="{A4D29040-2113-4F2D-832B-BAB43F286DB7}" destId="{AB761F0E-7978-4452-949A-5F9AD2BCF045}" srcOrd="0" destOrd="0" presId="urn:microsoft.com/office/officeart/2005/8/layout/pyramid1"/>
    <dgm:cxn modelId="{5F22C42E-646E-4473-A097-E4EEE7218E56}" type="presOf" srcId="{1140426C-2F34-4352-969C-20E72E6E3847}" destId="{E8AB8FB1-BBDD-4313-AA9F-3DA6FA31DE31}" srcOrd="1" destOrd="0" presId="urn:microsoft.com/office/officeart/2005/8/layout/pyramid1"/>
    <dgm:cxn modelId="{ACD43D5B-66F3-4165-B40D-CF113101401C}" srcId="{A4D29040-2113-4F2D-832B-BAB43F286DB7}" destId="{E48C395F-9626-413C-B98C-C1DA37A4F0EA}" srcOrd="3" destOrd="0" parTransId="{6D2C9A79-BAD4-42CF-88FC-DF8AB757E904}" sibTransId="{3EA7F682-BFB6-443D-8697-0A98B23C4871}"/>
    <dgm:cxn modelId="{AC00765F-1FC2-431D-AA63-1878FFB781FA}" type="presOf" srcId="{01E23262-EEFE-454E-ACDB-F07FB8D3BF07}" destId="{B5FA82ED-0D5A-4C0D-B37A-BDC7FD96203A}" srcOrd="1" destOrd="0" presId="urn:microsoft.com/office/officeart/2005/8/layout/pyramid1"/>
    <dgm:cxn modelId="{5D90925A-8F3A-4FAC-BA06-01610EF4F516}" srcId="{A4D29040-2113-4F2D-832B-BAB43F286DB7}" destId="{29059925-2E8A-4350-9B53-100E92CA9919}" srcOrd="0" destOrd="0" parTransId="{4E56D511-E4C2-48C4-A256-615CB38CA0A4}" sibTransId="{A06C968F-82D3-4389-B2AC-9DA27819089F}"/>
    <dgm:cxn modelId="{83E2E280-509F-42B0-B1ED-C8F0DDDE1BE2}" srcId="{A4D29040-2113-4F2D-832B-BAB43F286DB7}" destId="{01E23262-EEFE-454E-ACDB-F07FB8D3BF07}" srcOrd="1" destOrd="0" parTransId="{F752599E-1E26-4D95-97D9-65503A87F1BA}" sibTransId="{FC6E6285-FCFB-4C22-85AC-CA3461B68501}"/>
    <dgm:cxn modelId="{3A500486-59F4-4119-8575-2C097BF3E881}" type="presOf" srcId="{1140426C-2F34-4352-969C-20E72E6E3847}" destId="{71C1E761-B715-4655-98F7-F13B4D34E88A}" srcOrd="0" destOrd="0" presId="urn:microsoft.com/office/officeart/2005/8/layout/pyramid1"/>
    <dgm:cxn modelId="{EFA9B486-09DA-4AD5-89C2-D09042772B69}" type="presOf" srcId="{E48C395F-9626-413C-B98C-C1DA37A4F0EA}" destId="{CCEC65BD-01F8-4074-BE7C-80A566C9E484}" srcOrd="1" destOrd="0" presId="urn:microsoft.com/office/officeart/2005/8/layout/pyramid1"/>
    <dgm:cxn modelId="{A57C0D91-3302-4283-90E3-16A85DDA476E}" type="presOf" srcId="{01E23262-EEFE-454E-ACDB-F07FB8D3BF07}" destId="{BB6BBB52-8D27-42A3-BF0B-59F331A7486C}" srcOrd="0" destOrd="0" presId="urn:microsoft.com/office/officeart/2005/8/layout/pyramid1"/>
    <dgm:cxn modelId="{8C3D2498-2B9A-4737-BA70-5FB25565CF34}" srcId="{A4D29040-2113-4F2D-832B-BAB43F286DB7}" destId="{1140426C-2F34-4352-969C-20E72E6E3847}" srcOrd="2" destOrd="0" parTransId="{F6C3C8AF-10CB-4757-8955-F1B3E72AC763}" sibTransId="{A4B83EFD-74AB-4E48-949F-8D6C4AE7A085}"/>
    <dgm:cxn modelId="{C6CE0FA6-7AFB-42DC-B4AC-FBD307EAB347}" type="presOf" srcId="{E48C395F-9626-413C-B98C-C1DA37A4F0EA}" destId="{A2B582A8-0E77-4642-A9FB-DA2ACE668393}" srcOrd="0" destOrd="0" presId="urn:microsoft.com/office/officeart/2005/8/layout/pyramid1"/>
    <dgm:cxn modelId="{9D81BEB1-321B-4824-A256-D3B8CD58F724}" type="presOf" srcId="{DFF5266B-ECAF-4131-9D83-F44BEDDE67C8}" destId="{1C0CFFB7-62BA-4727-9934-D98002B9A683}" srcOrd="0" destOrd="0" presId="urn:microsoft.com/office/officeart/2005/8/layout/pyramid1"/>
    <dgm:cxn modelId="{B4DD10BE-1C4A-456E-8B25-C500856E49CA}" type="presOf" srcId="{29059925-2E8A-4350-9B53-100E92CA9919}" destId="{4F015351-FA21-4462-94B9-684597FCC12A}" srcOrd="1" destOrd="0" presId="urn:microsoft.com/office/officeart/2005/8/layout/pyramid1"/>
    <dgm:cxn modelId="{427009C5-C3B5-442A-B7CA-3D9636489DDB}" srcId="{A4D29040-2113-4F2D-832B-BAB43F286DB7}" destId="{DFF5266B-ECAF-4131-9D83-F44BEDDE67C8}" srcOrd="5" destOrd="0" parTransId="{89B08C3F-6208-48BC-9D5E-A37804DF8A60}" sibTransId="{AF820CCA-C5D3-44B9-885D-4F46487519FF}"/>
    <dgm:cxn modelId="{DDE248C8-C7AA-42C7-BFAB-9266110E5129}" type="presOf" srcId="{5F94AAC7-797C-46FD-9103-588F2B1312BE}" destId="{06645874-3E0F-400E-95D6-A7A4EE802A6B}" srcOrd="1" destOrd="0" presId="urn:microsoft.com/office/officeart/2005/8/layout/pyramid1"/>
    <dgm:cxn modelId="{767030DB-2AF7-44E4-A0E0-CE8F5E50456F}" type="presOf" srcId="{5F94AAC7-797C-46FD-9103-588F2B1312BE}" destId="{7CD2059E-4FBB-4D01-96DA-FB5DB724C603}" srcOrd="0" destOrd="0" presId="urn:microsoft.com/office/officeart/2005/8/layout/pyramid1"/>
    <dgm:cxn modelId="{C24CE4E4-B37F-4656-BC65-65E678729C26}" srcId="{A4D29040-2113-4F2D-832B-BAB43F286DB7}" destId="{5F94AAC7-797C-46FD-9103-588F2B1312BE}" srcOrd="4" destOrd="0" parTransId="{A5762B61-50F0-4F98-876A-E03C47AE4123}" sibTransId="{BDDA4861-037A-464E-92AA-8B3C604EAFA6}"/>
    <dgm:cxn modelId="{53312AE5-C648-400F-B49E-10B259451785}" type="presOf" srcId="{29059925-2E8A-4350-9B53-100E92CA9919}" destId="{ED4DA8FA-A3FB-4C55-BD21-DD3D7AA32F3F}" srcOrd="0" destOrd="0" presId="urn:microsoft.com/office/officeart/2005/8/layout/pyramid1"/>
    <dgm:cxn modelId="{0159173D-CA7D-4772-885A-5645FDEE4C98}" type="presParOf" srcId="{AB761F0E-7978-4452-949A-5F9AD2BCF045}" destId="{98C63232-74C0-4B80-BBCB-9A6F487A9B02}" srcOrd="0" destOrd="0" presId="urn:microsoft.com/office/officeart/2005/8/layout/pyramid1"/>
    <dgm:cxn modelId="{0B8D1B3F-6FBC-489B-B8D1-7363381DF65C}" type="presParOf" srcId="{98C63232-74C0-4B80-BBCB-9A6F487A9B02}" destId="{ED4DA8FA-A3FB-4C55-BD21-DD3D7AA32F3F}" srcOrd="0" destOrd="0" presId="urn:microsoft.com/office/officeart/2005/8/layout/pyramid1"/>
    <dgm:cxn modelId="{3D49FE8E-8E73-4E64-9B4C-78D0F96FFD5D}" type="presParOf" srcId="{98C63232-74C0-4B80-BBCB-9A6F487A9B02}" destId="{4F015351-FA21-4462-94B9-684597FCC12A}" srcOrd="1" destOrd="0" presId="urn:microsoft.com/office/officeart/2005/8/layout/pyramid1"/>
    <dgm:cxn modelId="{DCA6FD76-4D2A-4B05-A9EE-9BA51D4AE53C}" type="presParOf" srcId="{AB761F0E-7978-4452-949A-5F9AD2BCF045}" destId="{11FA451C-7A3E-4AA9-99E0-5FD43219151B}" srcOrd="1" destOrd="0" presId="urn:microsoft.com/office/officeart/2005/8/layout/pyramid1"/>
    <dgm:cxn modelId="{DCC89892-5736-46E4-9478-813C5426ABBE}" type="presParOf" srcId="{11FA451C-7A3E-4AA9-99E0-5FD43219151B}" destId="{BB6BBB52-8D27-42A3-BF0B-59F331A7486C}" srcOrd="0" destOrd="0" presId="urn:microsoft.com/office/officeart/2005/8/layout/pyramid1"/>
    <dgm:cxn modelId="{2B34C780-0675-4673-8848-EC085EF96490}" type="presParOf" srcId="{11FA451C-7A3E-4AA9-99E0-5FD43219151B}" destId="{B5FA82ED-0D5A-4C0D-B37A-BDC7FD96203A}" srcOrd="1" destOrd="0" presId="urn:microsoft.com/office/officeart/2005/8/layout/pyramid1"/>
    <dgm:cxn modelId="{3B369998-F291-4252-A2DD-27FE5C04A3A4}" type="presParOf" srcId="{AB761F0E-7978-4452-949A-5F9AD2BCF045}" destId="{8C8D3559-EBE9-4F4C-AB22-36A67B9D6D04}" srcOrd="2" destOrd="0" presId="urn:microsoft.com/office/officeart/2005/8/layout/pyramid1"/>
    <dgm:cxn modelId="{10061ADB-29E0-423C-B57B-00FF6E56991D}" type="presParOf" srcId="{8C8D3559-EBE9-4F4C-AB22-36A67B9D6D04}" destId="{71C1E761-B715-4655-98F7-F13B4D34E88A}" srcOrd="0" destOrd="0" presId="urn:microsoft.com/office/officeart/2005/8/layout/pyramid1"/>
    <dgm:cxn modelId="{B0D6D84D-6EAA-40F1-89AD-01B5642A084A}" type="presParOf" srcId="{8C8D3559-EBE9-4F4C-AB22-36A67B9D6D04}" destId="{E8AB8FB1-BBDD-4313-AA9F-3DA6FA31DE31}" srcOrd="1" destOrd="0" presId="urn:microsoft.com/office/officeart/2005/8/layout/pyramid1"/>
    <dgm:cxn modelId="{3FB279C5-499A-4250-90F3-276A710A0C63}" type="presParOf" srcId="{AB761F0E-7978-4452-949A-5F9AD2BCF045}" destId="{A686285F-2E00-48EB-8A45-DE73C2B31840}" srcOrd="3" destOrd="0" presId="urn:microsoft.com/office/officeart/2005/8/layout/pyramid1"/>
    <dgm:cxn modelId="{4C5BE31C-CCE3-4E19-95D6-E3261427D154}" type="presParOf" srcId="{A686285F-2E00-48EB-8A45-DE73C2B31840}" destId="{A2B582A8-0E77-4642-A9FB-DA2ACE668393}" srcOrd="0" destOrd="0" presId="urn:microsoft.com/office/officeart/2005/8/layout/pyramid1"/>
    <dgm:cxn modelId="{F8C8A31D-DFC3-4DA5-82DE-3B4D65B1ABFE}" type="presParOf" srcId="{A686285F-2E00-48EB-8A45-DE73C2B31840}" destId="{CCEC65BD-01F8-4074-BE7C-80A566C9E484}" srcOrd="1" destOrd="0" presId="urn:microsoft.com/office/officeart/2005/8/layout/pyramid1"/>
    <dgm:cxn modelId="{42148B43-56B1-4706-9506-9DEFC247200C}" type="presParOf" srcId="{AB761F0E-7978-4452-949A-5F9AD2BCF045}" destId="{E562BEBC-91B3-4529-A6CD-B1C3AEA8C810}" srcOrd="4" destOrd="0" presId="urn:microsoft.com/office/officeart/2005/8/layout/pyramid1"/>
    <dgm:cxn modelId="{80CBD03F-05CE-431E-8755-C7210E6AC8F9}" type="presParOf" srcId="{E562BEBC-91B3-4529-A6CD-B1C3AEA8C810}" destId="{7CD2059E-4FBB-4D01-96DA-FB5DB724C603}" srcOrd="0" destOrd="0" presId="urn:microsoft.com/office/officeart/2005/8/layout/pyramid1"/>
    <dgm:cxn modelId="{0D4B7FD3-719D-4E35-BBA3-57B005C62AB9}" type="presParOf" srcId="{E562BEBC-91B3-4529-A6CD-B1C3AEA8C810}" destId="{06645874-3E0F-400E-95D6-A7A4EE802A6B}" srcOrd="1" destOrd="0" presId="urn:microsoft.com/office/officeart/2005/8/layout/pyramid1"/>
    <dgm:cxn modelId="{870F7CE9-DD83-4D92-878D-48DBA4523A82}" type="presParOf" srcId="{AB761F0E-7978-4452-949A-5F9AD2BCF045}" destId="{E44C2A3E-AA2A-4793-BBF3-734DF70E45B4}" srcOrd="5" destOrd="0" presId="urn:microsoft.com/office/officeart/2005/8/layout/pyramid1"/>
    <dgm:cxn modelId="{A720D05B-D634-4DA5-82B4-A94BB49E6CD2}" type="presParOf" srcId="{E44C2A3E-AA2A-4793-BBF3-734DF70E45B4}" destId="{1C0CFFB7-62BA-4727-9934-D98002B9A683}" srcOrd="0" destOrd="0" presId="urn:microsoft.com/office/officeart/2005/8/layout/pyramid1"/>
    <dgm:cxn modelId="{8D175F56-B80C-4F6F-BD97-7799B9F675A9}" type="presParOf" srcId="{E44C2A3E-AA2A-4793-BBF3-734DF70E45B4}" destId="{416A9E77-E6E7-41E8-83C9-4CDC12CF6413}"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DA8B756-28A4-4152-9FDF-68A90E6B5384}" type="doc">
      <dgm:prSet loTypeId="urn:microsoft.com/office/officeart/2011/layout/HexagonRadial" loCatId="cycle" qsTypeId="urn:microsoft.com/office/officeart/2005/8/quickstyle/simple1" qsCatId="simple" csTypeId="urn:microsoft.com/office/officeart/2005/8/colors/accent1_2" csCatId="accent1" phldr="1"/>
      <dgm:spPr/>
      <dgm:t>
        <a:bodyPr/>
        <a:lstStyle/>
        <a:p>
          <a:endParaRPr lang="en-US"/>
        </a:p>
      </dgm:t>
    </dgm:pt>
    <dgm:pt modelId="{1A6A770F-A410-4FD7-B168-28367BD51F8C}">
      <dgm:prSet phldrT="[Text]"/>
      <dgm:spPr/>
      <dgm:t>
        <a:bodyPr/>
        <a:lstStyle/>
        <a:p>
          <a:r>
            <a:rPr lang="en-US" dirty="0"/>
            <a:t>Master Data Management</a:t>
          </a:r>
        </a:p>
        <a:p>
          <a:r>
            <a:rPr lang="en-US" dirty="0"/>
            <a:t>(MDM)</a:t>
          </a:r>
        </a:p>
      </dgm:t>
    </dgm:pt>
    <dgm:pt modelId="{D388C884-7AFC-424B-B6EA-C4FDC66286D9}" type="parTrans" cxnId="{6C13D772-5EDA-4E12-AC57-B9667E50F499}">
      <dgm:prSet/>
      <dgm:spPr/>
      <dgm:t>
        <a:bodyPr/>
        <a:lstStyle/>
        <a:p>
          <a:endParaRPr lang="en-US"/>
        </a:p>
      </dgm:t>
    </dgm:pt>
    <dgm:pt modelId="{DF169266-D5B3-4FBD-A052-38FD77553D37}" type="sibTrans" cxnId="{6C13D772-5EDA-4E12-AC57-B9667E50F499}">
      <dgm:prSet/>
      <dgm:spPr/>
      <dgm:t>
        <a:bodyPr/>
        <a:lstStyle/>
        <a:p>
          <a:endParaRPr lang="en-US"/>
        </a:p>
      </dgm:t>
    </dgm:pt>
    <dgm:pt modelId="{16611133-6CD8-4290-ACA3-DDF659CF566A}">
      <dgm:prSet phldrT="[Text]"/>
      <dgm:spPr/>
      <dgm:t>
        <a:bodyPr/>
        <a:lstStyle/>
        <a:p>
          <a:r>
            <a:rPr lang="en-US" dirty="0"/>
            <a:t>Governance</a:t>
          </a:r>
        </a:p>
      </dgm:t>
    </dgm:pt>
    <dgm:pt modelId="{76CD7300-107D-4155-A47D-9F5BF05A1A69}" type="parTrans" cxnId="{46B1CD2A-D025-4C8A-BD0A-B011979F1635}">
      <dgm:prSet/>
      <dgm:spPr/>
      <dgm:t>
        <a:bodyPr/>
        <a:lstStyle/>
        <a:p>
          <a:endParaRPr lang="en-US"/>
        </a:p>
      </dgm:t>
    </dgm:pt>
    <dgm:pt modelId="{BF31C458-BD1E-49C6-9C82-0283177EA189}" type="sibTrans" cxnId="{46B1CD2A-D025-4C8A-BD0A-B011979F1635}">
      <dgm:prSet/>
      <dgm:spPr/>
      <dgm:t>
        <a:bodyPr/>
        <a:lstStyle/>
        <a:p>
          <a:endParaRPr lang="en-US"/>
        </a:p>
      </dgm:t>
    </dgm:pt>
    <dgm:pt modelId="{200E8A40-B2C7-4E9F-88C1-760F4623020E}">
      <dgm:prSet phldrT="[Text]"/>
      <dgm:spPr/>
      <dgm:t>
        <a:bodyPr/>
        <a:lstStyle/>
        <a:p>
          <a:r>
            <a:rPr lang="en-US" dirty="0"/>
            <a:t>Policies</a:t>
          </a:r>
        </a:p>
      </dgm:t>
    </dgm:pt>
    <dgm:pt modelId="{B1648440-02FC-499B-BCCD-32F1C5D40011}" type="parTrans" cxnId="{2D121686-A823-483C-9A7D-9E7039FCBC38}">
      <dgm:prSet/>
      <dgm:spPr/>
      <dgm:t>
        <a:bodyPr/>
        <a:lstStyle/>
        <a:p>
          <a:endParaRPr lang="en-US"/>
        </a:p>
      </dgm:t>
    </dgm:pt>
    <dgm:pt modelId="{2C9E82E4-4623-43AB-9820-64591CF7D5C5}" type="sibTrans" cxnId="{2D121686-A823-483C-9A7D-9E7039FCBC38}">
      <dgm:prSet/>
      <dgm:spPr/>
      <dgm:t>
        <a:bodyPr/>
        <a:lstStyle/>
        <a:p>
          <a:endParaRPr lang="en-US"/>
        </a:p>
      </dgm:t>
    </dgm:pt>
    <dgm:pt modelId="{FEACAE92-97E9-439D-9085-72B5E6AF473E}">
      <dgm:prSet phldrT="[Text]"/>
      <dgm:spPr/>
      <dgm:t>
        <a:bodyPr/>
        <a:lstStyle/>
        <a:p>
          <a:r>
            <a:rPr lang="en-US" dirty="0"/>
            <a:t>Processes</a:t>
          </a:r>
        </a:p>
      </dgm:t>
    </dgm:pt>
    <dgm:pt modelId="{93B98CCB-6C20-4BE9-9C68-4DF012483C6F}" type="parTrans" cxnId="{8C47056A-A955-4191-8121-601B9250F283}">
      <dgm:prSet/>
      <dgm:spPr/>
      <dgm:t>
        <a:bodyPr/>
        <a:lstStyle/>
        <a:p>
          <a:endParaRPr lang="en-US"/>
        </a:p>
      </dgm:t>
    </dgm:pt>
    <dgm:pt modelId="{02C879F4-7EAE-43E3-9578-CBE48F544FF2}" type="sibTrans" cxnId="{8C47056A-A955-4191-8121-601B9250F283}">
      <dgm:prSet/>
      <dgm:spPr/>
      <dgm:t>
        <a:bodyPr/>
        <a:lstStyle/>
        <a:p>
          <a:endParaRPr lang="en-US"/>
        </a:p>
      </dgm:t>
    </dgm:pt>
    <dgm:pt modelId="{EA77AEF2-E0A1-4B0E-B09C-9F327A348764}">
      <dgm:prSet phldrT="[Text]"/>
      <dgm:spPr/>
      <dgm:t>
        <a:bodyPr/>
        <a:lstStyle/>
        <a:p>
          <a:r>
            <a:rPr lang="en-US" dirty="0"/>
            <a:t>Tools</a:t>
          </a:r>
        </a:p>
      </dgm:t>
    </dgm:pt>
    <dgm:pt modelId="{11F3E298-05C7-4CE0-98EF-C6A850694740}" type="parTrans" cxnId="{49E95939-47C0-4E19-9F85-E638487F842B}">
      <dgm:prSet/>
      <dgm:spPr/>
      <dgm:t>
        <a:bodyPr/>
        <a:lstStyle/>
        <a:p>
          <a:endParaRPr lang="en-US"/>
        </a:p>
      </dgm:t>
    </dgm:pt>
    <dgm:pt modelId="{090CCFED-3170-47B5-86C9-24E1249AA296}" type="sibTrans" cxnId="{49E95939-47C0-4E19-9F85-E638487F842B}">
      <dgm:prSet/>
      <dgm:spPr/>
      <dgm:t>
        <a:bodyPr/>
        <a:lstStyle/>
        <a:p>
          <a:endParaRPr lang="en-US"/>
        </a:p>
      </dgm:t>
    </dgm:pt>
    <dgm:pt modelId="{78CF125A-0355-439D-8082-2DAE0C47A21F}">
      <dgm:prSet phldrT="[Text]" custT="1"/>
      <dgm:spPr/>
      <dgm:t>
        <a:bodyPr/>
        <a:lstStyle/>
        <a:p>
          <a:pPr>
            <a:spcAft>
              <a:spcPts val="0"/>
            </a:spcAft>
          </a:pPr>
          <a:r>
            <a:rPr lang="en-US" sz="1150" dirty="0"/>
            <a:t>Ownerships </a:t>
          </a:r>
        </a:p>
        <a:p>
          <a:pPr>
            <a:spcAft>
              <a:spcPts val="0"/>
            </a:spcAft>
          </a:pPr>
          <a:r>
            <a:rPr lang="en-US" sz="1150" dirty="0"/>
            <a:t>&amp; </a:t>
          </a:r>
        </a:p>
        <a:p>
          <a:pPr>
            <a:spcAft>
              <a:spcPts val="0"/>
            </a:spcAft>
          </a:pPr>
          <a:r>
            <a:rPr lang="en-US" sz="1150" dirty="0"/>
            <a:t>Stewardships</a:t>
          </a:r>
        </a:p>
      </dgm:t>
    </dgm:pt>
    <dgm:pt modelId="{BCD644CB-A25B-47DA-98BC-F59432D66BC0}" type="parTrans" cxnId="{D1BED468-B4FF-4745-B65E-57FEE510100F}">
      <dgm:prSet/>
      <dgm:spPr/>
      <dgm:t>
        <a:bodyPr/>
        <a:lstStyle/>
        <a:p>
          <a:endParaRPr lang="en-US"/>
        </a:p>
      </dgm:t>
    </dgm:pt>
    <dgm:pt modelId="{5F62C1DB-F4AC-4F8F-ADC9-477FDF466AFC}" type="sibTrans" cxnId="{D1BED468-B4FF-4745-B65E-57FEE510100F}">
      <dgm:prSet/>
      <dgm:spPr/>
      <dgm:t>
        <a:bodyPr/>
        <a:lstStyle/>
        <a:p>
          <a:endParaRPr lang="en-US"/>
        </a:p>
      </dgm:t>
    </dgm:pt>
    <dgm:pt modelId="{ED635B57-E96F-4C95-B1D6-2DF8429F67B3}">
      <dgm:prSet phldrT="[Text]"/>
      <dgm:spPr/>
      <dgm:t>
        <a:bodyPr/>
        <a:lstStyle/>
        <a:p>
          <a:r>
            <a:rPr lang="en-US" dirty="0"/>
            <a:t>Standards</a:t>
          </a:r>
        </a:p>
      </dgm:t>
    </dgm:pt>
    <dgm:pt modelId="{7FDE01AD-6B30-4E29-AEF3-E8BAFFE4F487}" type="sibTrans" cxnId="{E5C463DD-FF92-454F-A24C-C93334D23312}">
      <dgm:prSet/>
      <dgm:spPr/>
      <dgm:t>
        <a:bodyPr/>
        <a:lstStyle/>
        <a:p>
          <a:endParaRPr lang="en-US"/>
        </a:p>
      </dgm:t>
    </dgm:pt>
    <dgm:pt modelId="{B2C3CCF2-8A4E-4F55-BBDB-7DE7ACE4D552}" type="parTrans" cxnId="{E5C463DD-FF92-454F-A24C-C93334D23312}">
      <dgm:prSet/>
      <dgm:spPr/>
      <dgm:t>
        <a:bodyPr/>
        <a:lstStyle/>
        <a:p>
          <a:endParaRPr lang="en-US"/>
        </a:p>
      </dgm:t>
    </dgm:pt>
    <dgm:pt modelId="{F45BEDBE-BC90-4B90-8B6F-A10672FA029C}" type="pres">
      <dgm:prSet presAssocID="{1DA8B756-28A4-4152-9FDF-68A90E6B5384}" presName="Name0" presStyleCnt="0">
        <dgm:presLayoutVars>
          <dgm:chMax val="1"/>
          <dgm:chPref val="1"/>
          <dgm:dir/>
          <dgm:animOne val="branch"/>
          <dgm:animLvl val="lvl"/>
        </dgm:presLayoutVars>
      </dgm:prSet>
      <dgm:spPr/>
    </dgm:pt>
    <dgm:pt modelId="{B6698594-7364-4A12-BAEE-61B2679B2822}" type="pres">
      <dgm:prSet presAssocID="{1A6A770F-A410-4FD7-B168-28367BD51F8C}" presName="Parent" presStyleLbl="node0" presStyleIdx="0" presStyleCnt="1">
        <dgm:presLayoutVars>
          <dgm:chMax val="6"/>
          <dgm:chPref val="6"/>
        </dgm:presLayoutVars>
      </dgm:prSet>
      <dgm:spPr/>
    </dgm:pt>
    <dgm:pt modelId="{3CA698C4-9D20-4989-BFE8-0E8CC7E9EE3A}" type="pres">
      <dgm:prSet presAssocID="{16611133-6CD8-4290-ACA3-DDF659CF566A}" presName="Accent1" presStyleCnt="0"/>
      <dgm:spPr/>
    </dgm:pt>
    <dgm:pt modelId="{61B98E1C-E3D8-4AB7-8630-7303FA9EC2E0}" type="pres">
      <dgm:prSet presAssocID="{16611133-6CD8-4290-ACA3-DDF659CF566A}" presName="Accent" presStyleLbl="bgShp" presStyleIdx="0" presStyleCnt="6"/>
      <dgm:spPr/>
    </dgm:pt>
    <dgm:pt modelId="{32477193-E7A5-4BE6-89E0-BD009A2148A8}" type="pres">
      <dgm:prSet presAssocID="{16611133-6CD8-4290-ACA3-DDF659CF566A}" presName="Child1" presStyleLbl="node1" presStyleIdx="0" presStyleCnt="6">
        <dgm:presLayoutVars>
          <dgm:chMax val="0"/>
          <dgm:chPref val="0"/>
          <dgm:bulletEnabled val="1"/>
        </dgm:presLayoutVars>
      </dgm:prSet>
      <dgm:spPr/>
    </dgm:pt>
    <dgm:pt modelId="{F8022E48-5657-4540-ABCA-5F97D110DBE5}" type="pres">
      <dgm:prSet presAssocID="{200E8A40-B2C7-4E9F-88C1-760F4623020E}" presName="Accent2" presStyleCnt="0"/>
      <dgm:spPr/>
    </dgm:pt>
    <dgm:pt modelId="{4CB48A21-81D0-4D36-B76F-106A65AA195F}" type="pres">
      <dgm:prSet presAssocID="{200E8A40-B2C7-4E9F-88C1-760F4623020E}" presName="Accent" presStyleLbl="bgShp" presStyleIdx="1" presStyleCnt="6"/>
      <dgm:spPr/>
    </dgm:pt>
    <dgm:pt modelId="{B38E30BB-0075-433A-B797-BDCE2CA71C74}" type="pres">
      <dgm:prSet presAssocID="{200E8A40-B2C7-4E9F-88C1-760F4623020E}" presName="Child2" presStyleLbl="node1" presStyleIdx="1" presStyleCnt="6">
        <dgm:presLayoutVars>
          <dgm:chMax val="0"/>
          <dgm:chPref val="0"/>
          <dgm:bulletEnabled val="1"/>
        </dgm:presLayoutVars>
      </dgm:prSet>
      <dgm:spPr/>
    </dgm:pt>
    <dgm:pt modelId="{46A14F48-340C-49B0-BA95-E0935A52835C}" type="pres">
      <dgm:prSet presAssocID="{ED635B57-E96F-4C95-B1D6-2DF8429F67B3}" presName="Accent3" presStyleCnt="0"/>
      <dgm:spPr/>
    </dgm:pt>
    <dgm:pt modelId="{010FD555-EF9D-4861-9505-4B12D00DDBA6}" type="pres">
      <dgm:prSet presAssocID="{ED635B57-E96F-4C95-B1D6-2DF8429F67B3}" presName="Accent" presStyleLbl="bgShp" presStyleIdx="2" presStyleCnt="6"/>
      <dgm:spPr/>
    </dgm:pt>
    <dgm:pt modelId="{800FC71A-67F1-4D46-949B-0E96E69570B1}" type="pres">
      <dgm:prSet presAssocID="{ED635B57-E96F-4C95-B1D6-2DF8429F67B3}" presName="Child3" presStyleLbl="node1" presStyleIdx="2" presStyleCnt="6">
        <dgm:presLayoutVars>
          <dgm:chMax val="0"/>
          <dgm:chPref val="0"/>
          <dgm:bulletEnabled val="1"/>
        </dgm:presLayoutVars>
      </dgm:prSet>
      <dgm:spPr/>
    </dgm:pt>
    <dgm:pt modelId="{5E732AE1-1D4A-4C98-AC45-33CC11754F19}" type="pres">
      <dgm:prSet presAssocID="{FEACAE92-97E9-439D-9085-72B5E6AF473E}" presName="Accent4" presStyleCnt="0"/>
      <dgm:spPr/>
    </dgm:pt>
    <dgm:pt modelId="{265E5C85-541A-4F7D-AA05-F8E4E17DE9C2}" type="pres">
      <dgm:prSet presAssocID="{FEACAE92-97E9-439D-9085-72B5E6AF473E}" presName="Accent" presStyleLbl="bgShp" presStyleIdx="3" presStyleCnt="6"/>
      <dgm:spPr/>
    </dgm:pt>
    <dgm:pt modelId="{B0FB034E-AD61-4D1F-A514-44EC0595B448}" type="pres">
      <dgm:prSet presAssocID="{FEACAE92-97E9-439D-9085-72B5E6AF473E}" presName="Child4" presStyleLbl="node1" presStyleIdx="3" presStyleCnt="6">
        <dgm:presLayoutVars>
          <dgm:chMax val="0"/>
          <dgm:chPref val="0"/>
          <dgm:bulletEnabled val="1"/>
        </dgm:presLayoutVars>
      </dgm:prSet>
      <dgm:spPr/>
    </dgm:pt>
    <dgm:pt modelId="{EB31939A-FE92-4678-A1A7-14F71206E02D}" type="pres">
      <dgm:prSet presAssocID="{EA77AEF2-E0A1-4B0E-B09C-9F327A348764}" presName="Accent5" presStyleCnt="0"/>
      <dgm:spPr/>
    </dgm:pt>
    <dgm:pt modelId="{1ACC1AF7-4D5F-42EB-8BD8-160D5F98BB4F}" type="pres">
      <dgm:prSet presAssocID="{EA77AEF2-E0A1-4B0E-B09C-9F327A348764}" presName="Accent" presStyleLbl="bgShp" presStyleIdx="4" presStyleCnt="6"/>
      <dgm:spPr/>
    </dgm:pt>
    <dgm:pt modelId="{224F6752-CDEA-4EE8-A307-BCCC65A68F97}" type="pres">
      <dgm:prSet presAssocID="{EA77AEF2-E0A1-4B0E-B09C-9F327A348764}" presName="Child5" presStyleLbl="node1" presStyleIdx="4" presStyleCnt="6">
        <dgm:presLayoutVars>
          <dgm:chMax val="0"/>
          <dgm:chPref val="0"/>
          <dgm:bulletEnabled val="1"/>
        </dgm:presLayoutVars>
      </dgm:prSet>
      <dgm:spPr/>
    </dgm:pt>
    <dgm:pt modelId="{2835295F-8159-4021-946A-80A208838BC2}" type="pres">
      <dgm:prSet presAssocID="{78CF125A-0355-439D-8082-2DAE0C47A21F}" presName="Accent6" presStyleCnt="0"/>
      <dgm:spPr/>
    </dgm:pt>
    <dgm:pt modelId="{B904F641-CD1E-419C-AF12-1DCE9566F1BA}" type="pres">
      <dgm:prSet presAssocID="{78CF125A-0355-439D-8082-2DAE0C47A21F}" presName="Accent" presStyleLbl="bgShp" presStyleIdx="5" presStyleCnt="6"/>
      <dgm:spPr/>
    </dgm:pt>
    <dgm:pt modelId="{B738462B-3A18-42F1-BDD9-C2F31BD414B9}" type="pres">
      <dgm:prSet presAssocID="{78CF125A-0355-439D-8082-2DAE0C47A21F}" presName="Child6" presStyleLbl="node1" presStyleIdx="5" presStyleCnt="6">
        <dgm:presLayoutVars>
          <dgm:chMax val="0"/>
          <dgm:chPref val="0"/>
          <dgm:bulletEnabled val="1"/>
        </dgm:presLayoutVars>
      </dgm:prSet>
      <dgm:spPr/>
    </dgm:pt>
  </dgm:ptLst>
  <dgm:cxnLst>
    <dgm:cxn modelId="{1AB73117-9DC6-4336-AB12-485F1144F0F6}" type="presOf" srcId="{1A6A770F-A410-4FD7-B168-28367BD51F8C}" destId="{B6698594-7364-4A12-BAEE-61B2679B2822}" srcOrd="0" destOrd="0" presId="urn:microsoft.com/office/officeart/2011/layout/HexagonRadial"/>
    <dgm:cxn modelId="{46B1CD2A-D025-4C8A-BD0A-B011979F1635}" srcId="{1A6A770F-A410-4FD7-B168-28367BD51F8C}" destId="{16611133-6CD8-4290-ACA3-DDF659CF566A}" srcOrd="0" destOrd="0" parTransId="{76CD7300-107D-4155-A47D-9F5BF05A1A69}" sibTransId="{BF31C458-BD1E-49C6-9C82-0283177EA189}"/>
    <dgm:cxn modelId="{AAC1E62B-D13D-4327-89D0-8E65DD1F77B4}" type="presOf" srcId="{200E8A40-B2C7-4E9F-88C1-760F4623020E}" destId="{B38E30BB-0075-433A-B797-BDCE2CA71C74}" srcOrd="0" destOrd="0" presId="urn:microsoft.com/office/officeart/2011/layout/HexagonRadial"/>
    <dgm:cxn modelId="{49E95939-47C0-4E19-9F85-E638487F842B}" srcId="{1A6A770F-A410-4FD7-B168-28367BD51F8C}" destId="{EA77AEF2-E0A1-4B0E-B09C-9F327A348764}" srcOrd="4" destOrd="0" parTransId="{11F3E298-05C7-4CE0-98EF-C6A850694740}" sibTransId="{090CCFED-3170-47B5-86C9-24E1249AA296}"/>
    <dgm:cxn modelId="{A07AB439-8E21-4237-91F3-D0DF61BFAC4E}" type="presOf" srcId="{EA77AEF2-E0A1-4B0E-B09C-9F327A348764}" destId="{224F6752-CDEA-4EE8-A307-BCCC65A68F97}" srcOrd="0" destOrd="0" presId="urn:microsoft.com/office/officeart/2011/layout/HexagonRadial"/>
    <dgm:cxn modelId="{1068843B-BF19-426B-9F5A-10BC9F5503C6}" type="presOf" srcId="{FEACAE92-97E9-439D-9085-72B5E6AF473E}" destId="{B0FB034E-AD61-4D1F-A514-44EC0595B448}" srcOrd="0" destOrd="0" presId="urn:microsoft.com/office/officeart/2011/layout/HexagonRadial"/>
    <dgm:cxn modelId="{D1BED468-B4FF-4745-B65E-57FEE510100F}" srcId="{1A6A770F-A410-4FD7-B168-28367BD51F8C}" destId="{78CF125A-0355-439D-8082-2DAE0C47A21F}" srcOrd="5" destOrd="0" parTransId="{BCD644CB-A25B-47DA-98BC-F59432D66BC0}" sibTransId="{5F62C1DB-F4AC-4F8F-ADC9-477FDF466AFC}"/>
    <dgm:cxn modelId="{8C47056A-A955-4191-8121-601B9250F283}" srcId="{1A6A770F-A410-4FD7-B168-28367BD51F8C}" destId="{FEACAE92-97E9-439D-9085-72B5E6AF473E}" srcOrd="3" destOrd="0" parTransId="{93B98CCB-6C20-4BE9-9C68-4DF012483C6F}" sibTransId="{02C879F4-7EAE-43E3-9578-CBE48F544FF2}"/>
    <dgm:cxn modelId="{6C13D772-5EDA-4E12-AC57-B9667E50F499}" srcId="{1DA8B756-28A4-4152-9FDF-68A90E6B5384}" destId="{1A6A770F-A410-4FD7-B168-28367BD51F8C}" srcOrd="0" destOrd="0" parTransId="{D388C884-7AFC-424B-B6EA-C4FDC66286D9}" sibTransId="{DF169266-D5B3-4FBD-A052-38FD77553D37}"/>
    <dgm:cxn modelId="{3D944659-5BF8-4CB9-8360-F12356686340}" type="presOf" srcId="{16611133-6CD8-4290-ACA3-DDF659CF566A}" destId="{32477193-E7A5-4BE6-89E0-BD009A2148A8}" srcOrd="0" destOrd="0" presId="urn:microsoft.com/office/officeart/2011/layout/HexagonRadial"/>
    <dgm:cxn modelId="{6AD79383-235A-4FC8-B41B-DC2B25DBC7F6}" type="presOf" srcId="{ED635B57-E96F-4C95-B1D6-2DF8429F67B3}" destId="{800FC71A-67F1-4D46-949B-0E96E69570B1}" srcOrd="0" destOrd="0" presId="urn:microsoft.com/office/officeart/2011/layout/HexagonRadial"/>
    <dgm:cxn modelId="{2D121686-A823-483C-9A7D-9E7039FCBC38}" srcId="{1A6A770F-A410-4FD7-B168-28367BD51F8C}" destId="{200E8A40-B2C7-4E9F-88C1-760F4623020E}" srcOrd="1" destOrd="0" parTransId="{B1648440-02FC-499B-BCCD-32F1C5D40011}" sibTransId="{2C9E82E4-4623-43AB-9820-64591CF7D5C5}"/>
    <dgm:cxn modelId="{D44963A3-6F08-40AB-9FB4-338EB8FBB6AA}" type="presOf" srcId="{1DA8B756-28A4-4152-9FDF-68A90E6B5384}" destId="{F45BEDBE-BC90-4B90-8B6F-A10672FA029C}" srcOrd="0" destOrd="0" presId="urn:microsoft.com/office/officeart/2011/layout/HexagonRadial"/>
    <dgm:cxn modelId="{E5C463DD-FF92-454F-A24C-C93334D23312}" srcId="{1A6A770F-A410-4FD7-B168-28367BD51F8C}" destId="{ED635B57-E96F-4C95-B1D6-2DF8429F67B3}" srcOrd="2" destOrd="0" parTransId="{B2C3CCF2-8A4E-4F55-BBDB-7DE7ACE4D552}" sibTransId="{7FDE01AD-6B30-4E29-AEF3-E8BAFFE4F487}"/>
    <dgm:cxn modelId="{4CFFD2E1-945A-4FED-800A-5338490967F8}" type="presOf" srcId="{78CF125A-0355-439D-8082-2DAE0C47A21F}" destId="{B738462B-3A18-42F1-BDD9-C2F31BD414B9}" srcOrd="0" destOrd="0" presId="urn:microsoft.com/office/officeart/2011/layout/HexagonRadial"/>
    <dgm:cxn modelId="{B51361A6-34AE-4B94-80C6-B35FEBE9B72B}" type="presParOf" srcId="{F45BEDBE-BC90-4B90-8B6F-A10672FA029C}" destId="{B6698594-7364-4A12-BAEE-61B2679B2822}" srcOrd="0" destOrd="0" presId="urn:microsoft.com/office/officeart/2011/layout/HexagonRadial"/>
    <dgm:cxn modelId="{6CC9F5BE-09AE-4E19-8C17-4D5456D04DDD}" type="presParOf" srcId="{F45BEDBE-BC90-4B90-8B6F-A10672FA029C}" destId="{3CA698C4-9D20-4989-BFE8-0E8CC7E9EE3A}" srcOrd="1" destOrd="0" presId="urn:microsoft.com/office/officeart/2011/layout/HexagonRadial"/>
    <dgm:cxn modelId="{45204D82-0786-4680-A41E-509630AAC796}" type="presParOf" srcId="{3CA698C4-9D20-4989-BFE8-0E8CC7E9EE3A}" destId="{61B98E1C-E3D8-4AB7-8630-7303FA9EC2E0}" srcOrd="0" destOrd="0" presId="urn:microsoft.com/office/officeart/2011/layout/HexagonRadial"/>
    <dgm:cxn modelId="{9DC59C51-4632-483B-89C8-BB8A52D68931}" type="presParOf" srcId="{F45BEDBE-BC90-4B90-8B6F-A10672FA029C}" destId="{32477193-E7A5-4BE6-89E0-BD009A2148A8}" srcOrd="2" destOrd="0" presId="urn:microsoft.com/office/officeart/2011/layout/HexagonRadial"/>
    <dgm:cxn modelId="{8F0539C3-E1C6-4A2C-A3C9-114F4ED357C5}" type="presParOf" srcId="{F45BEDBE-BC90-4B90-8B6F-A10672FA029C}" destId="{F8022E48-5657-4540-ABCA-5F97D110DBE5}" srcOrd="3" destOrd="0" presId="urn:microsoft.com/office/officeart/2011/layout/HexagonRadial"/>
    <dgm:cxn modelId="{83BD8C4F-CE9F-4B3B-89E0-31E18CB14490}" type="presParOf" srcId="{F8022E48-5657-4540-ABCA-5F97D110DBE5}" destId="{4CB48A21-81D0-4D36-B76F-106A65AA195F}" srcOrd="0" destOrd="0" presId="urn:microsoft.com/office/officeart/2011/layout/HexagonRadial"/>
    <dgm:cxn modelId="{B3441D97-3A44-4EF2-BADF-4813A9E13F4E}" type="presParOf" srcId="{F45BEDBE-BC90-4B90-8B6F-A10672FA029C}" destId="{B38E30BB-0075-433A-B797-BDCE2CA71C74}" srcOrd="4" destOrd="0" presId="urn:microsoft.com/office/officeart/2011/layout/HexagonRadial"/>
    <dgm:cxn modelId="{A34C671A-3D9F-4771-B410-F6D9C173CE76}" type="presParOf" srcId="{F45BEDBE-BC90-4B90-8B6F-A10672FA029C}" destId="{46A14F48-340C-49B0-BA95-E0935A52835C}" srcOrd="5" destOrd="0" presId="urn:microsoft.com/office/officeart/2011/layout/HexagonRadial"/>
    <dgm:cxn modelId="{C8D6A6AB-B0D0-4DE8-B6EF-19F0459335F4}" type="presParOf" srcId="{46A14F48-340C-49B0-BA95-E0935A52835C}" destId="{010FD555-EF9D-4861-9505-4B12D00DDBA6}" srcOrd="0" destOrd="0" presId="urn:microsoft.com/office/officeart/2011/layout/HexagonRadial"/>
    <dgm:cxn modelId="{C759C93E-0433-47AF-AF8E-A4B12E614205}" type="presParOf" srcId="{F45BEDBE-BC90-4B90-8B6F-A10672FA029C}" destId="{800FC71A-67F1-4D46-949B-0E96E69570B1}" srcOrd="6" destOrd="0" presId="urn:microsoft.com/office/officeart/2011/layout/HexagonRadial"/>
    <dgm:cxn modelId="{D4C23332-6F8D-413B-AED3-181F621D8E1D}" type="presParOf" srcId="{F45BEDBE-BC90-4B90-8B6F-A10672FA029C}" destId="{5E732AE1-1D4A-4C98-AC45-33CC11754F19}" srcOrd="7" destOrd="0" presId="urn:microsoft.com/office/officeart/2011/layout/HexagonRadial"/>
    <dgm:cxn modelId="{B88D61A4-4F2D-4259-B26F-A1750F3A95EB}" type="presParOf" srcId="{5E732AE1-1D4A-4C98-AC45-33CC11754F19}" destId="{265E5C85-541A-4F7D-AA05-F8E4E17DE9C2}" srcOrd="0" destOrd="0" presId="urn:microsoft.com/office/officeart/2011/layout/HexagonRadial"/>
    <dgm:cxn modelId="{B31CA47C-61DA-4F1C-842A-EE8E8F1B8FCB}" type="presParOf" srcId="{F45BEDBE-BC90-4B90-8B6F-A10672FA029C}" destId="{B0FB034E-AD61-4D1F-A514-44EC0595B448}" srcOrd="8" destOrd="0" presId="urn:microsoft.com/office/officeart/2011/layout/HexagonRadial"/>
    <dgm:cxn modelId="{2F3BA20B-398B-4BA0-8EFC-7B7ECBA9F84C}" type="presParOf" srcId="{F45BEDBE-BC90-4B90-8B6F-A10672FA029C}" destId="{EB31939A-FE92-4678-A1A7-14F71206E02D}" srcOrd="9" destOrd="0" presId="urn:microsoft.com/office/officeart/2011/layout/HexagonRadial"/>
    <dgm:cxn modelId="{7E841606-05CA-4AD4-B220-B33F1530508D}" type="presParOf" srcId="{EB31939A-FE92-4678-A1A7-14F71206E02D}" destId="{1ACC1AF7-4D5F-42EB-8BD8-160D5F98BB4F}" srcOrd="0" destOrd="0" presId="urn:microsoft.com/office/officeart/2011/layout/HexagonRadial"/>
    <dgm:cxn modelId="{20D6786D-44F7-441C-BEDD-14303B41269C}" type="presParOf" srcId="{F45BEDBE-BC90-4B90-8B6F-A10672FA029C}" destId="{224F6752-CDEA-4EE8-A307-BCCC65A68F97}" srcOrd="10" destOrd="0" presId="urn:microsoft.com/office/officeart/2011/layout/HexagonRadial"/>
    <dgm:cxn modelId="{3BE8FBBA-956A-430E-A193-060E04249345}" type="presParOf" srcId="{F45BEDBE-BC90-4B90-8B6F-A10672FA029C}" destId="{2835295F-8159-4021-946A-80A208838BC2}" srcOrd="11" destOrd="0" presId="urn:microsoft.com/office/officeart/2011/layout/HexagonRadial"/>
    <dgm:cxn modelId="{1E5D9532-0F41-452A-A5EA-69ACB1672159}" type="presParOf" srcId="{2835295F-8159-4021-946A-80A208838BC2}" destId="{B904F641-CD1E-419C-AF12-1DCE9566F1BA}" srcOrd="0" destOrd="0" presId="urn:microsoft.com/office/officeart/2011/layout/HexagonRadial"/>
    <dgm:cxn modelId="{B92E1F7E-57C8-48F4-9FA2-683AC694DC20}" type="presParOf" srcId="{F45BEDBE-BC90-4B90-8B6F-A10672FA029C}" destId="{B738462B-3A18-42F1-BDD9-C2F31BD414B9}"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0" y="0"/>
          <a:ext cx="1126111"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Architecture</a:t>
          </a:r>
        </a:p>
        <a:p>
          <a:pPr marL="0" lvl="0" indent="0" algn="ctr" defTabSz="488950">
            <a:lnSpc>
              <a:spcPct val="90000"/>
            </a:lnSpc>
            <a:spcBef>
              <a:spcPct val="0"/>
            </a:spcBef>
            <a:spcAft>
              <a:spcPct val="35000"/>
            </a:spcAft>
            <a:buNone/>
          </a:pPr>
          <a:r>
            <a:rPr lang="en-US" sz="1100" kern="1200"/>
            <a:t>(Corporate Models and Standards)</a:t>
          </a:r>
        </a:p>
      </dsp:txBody>
      <dsp:txXfrm>
        <a:off x="0" y="1065803"/>
        <a:ext cx="1126111" cy="1065803"/>
      </dsp:txXfrm>
    </dsp:sp>
    <dsp:sp modelId="{07BF33EC-F0B5-4BCF-96CA-2030E640F547}">
      <dsp:nvSpPr>
        <dsp:cNvPr id="0" name=""/>
        <dsp:cNvSpPr/>
      </dsp:nvSpPr>
      <dsp:spPr>
        <a:xfrm>
          <a:off x="287179" y="214154"/>
          <a:ext cx="638305" cy="778713"/>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50203" y="0"/>
          <a:ext cx="1075391"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Catalog  &amp; Governance</a:t>
          </a:r>
        </a:p>
      </dsp:txBody>
      <dsp:txXfrm>
        <a:off x="1150203" y="1065803"/>
        <a:ext cx="1075391" cy="1065803"/>
      </dsp:txXfrm>
    </dsp:sp>
    <dsp:sp modelId="{1615D6A3-D3AB-4F8F-84C8-009EDE3FBA2D}">
      <dsp:nvSpPr>
        <dsp:cNvPr id="0" name=""/>
        <dsp:cNvSpPr/>
      </dsp:nvSpPr>
      <dsp:spPr>
        <a:xfrm>
          <a:off x="1369727" y="214154"/>
          <a:ext cx="638305" cy="778713"/>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237744" y="0"/>
          <a:ext cx="1001867"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Quality</a:t>
          </a:r>
        </a:p>
        <a:p>
          <a:pPr marL="0" lvl="0" indent="0" algn="ctr" defTabSz="488950">
            <a:lnSpc>
              <a:spcPct val="90000"/>
            </a:lnSpc>
            <a:spcBef>
              <a:spcPct val="0"/>
            </a:spcBef>
            <a:spcAft>
              <a:spcPct val="35000"/>
            </a:spcAft>
            <a:buNone/>
          </a:pPr>
          <a:r>
            <a:rPr lang="en-US" sz="1100" kern="1200"/>
            <a:t>(Data Trust</a:t>
          </a:r>
          <a:r>
            <a:rPr lang="en-US" sz="1000" kern="1200"/>
            <a:t>)</a:t>
          </a:r>
        </a:p>
      </dsp:txBody>
      <dsp:txXfrm>
        <a:off x="2237744" y="1065803"/>
        <a:ext cx="1001867" cy="1065803"/>
      </dsp:txXfrm>
    </dsp:sp>
    <dsp:sp modelId="{BEDA3E5D-A12C-435D-97C1-A9FFF44FD81F}">
      <dsp:nvSpPr>
        <dsp:cNvPr id="0" name=""/>
        <dsp:cNvSpPr/>
      </dsp:nvSpPr>
      <dsp:spPr>
        <a:xfrm>
          <a:off x="2410265" y="230799"/>
          <a:ext cx="638305" cy="778713"/>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24501" y="0"/>
          <a:ext cx="1073689" cy="2664509"/>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Integration &amp; Orchestration</a:t>
          </a:r>
        </a:p>
      </dsp:txBody>
      <dsp:txXfrm>
        <a:off x="3224501" y="1065803"/>
        <a:ext cx="1073689" cy="1065803"/>
      </dsp:txXfrm>
    </dsp:sp>
    <dsp:sp modelId="{E8E7DF40-5BF1-4156-A4F3-612DF1C87420}">
      <dsp:nvSpPr>
        <dsp:cNvPr id="0" name=""/>
        <dsp:cNvSpPr/>
      </dsp:nvSpPr>
      <dsp:spPr>
        <a:xfrm>
          <a:off x="3447124" y="230799"/>
          <a:ext cx="638305" cy="778713"/>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307063" y="0"/>
          <a:ext cx="1118758" cy="2664509"/>
        </a:xfrm>
        <a:prstGeom prst="roundRect">
          <a:avLst>
            <a:gd name="adj" fmla="val 10000"/>
          </a:avLst>
        </a:prstGeom>
        <a:solidFill>
          <a:schemeClr val="accent1">
            <a:hueOff val="0"/>
            <a:satOff val="0"/>
            <a:lumOff val="0"/>
            <a:alphaOff val="0"/>
          </a:schemeClr>
        </a:solidFill>
        <a:ln w="25400" cap="flat" cmpd="sng" algn="ctr">
          <a:solidFill>
            <a:schemeClr val="accent3">
              <a:lumMod val="5000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r>
            <a:rPr lang="en-US" sz="1200" kern="1200"/>
            <a:t>Master Data Management</a:t>
          </a:r>
        </a:p>
      </dsp:txBody>
      <dsp:txXfrm>
        <a:off x="4307063" y="1065803"/>
        <a:ext cx="1118758" cy="1065803"/>
      </dsp:txXfrm>
    </dsp:sp>
    <dsp:sp modelId="{9F75CEE9-1592-4FE0-AA32-210CB8C526F4}">
      <dsp:nvSpPr>
        <dsp:cNvPr id="0" name=""/>
        <dsp:cNvSpPr/>
      </dsp:nvSpPr>
      <dsp:spPr>
        <a:xfrm>
          <a:off x="4540836" y="219362"/>
          <a:ext cx="638305" cy="778713"/>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460727" y="0"/>
          <a:ext cx="1122723" cy="2664509"/>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b="0" kern="1200" dirty="0">
              <a:solidFill>
                <a:schemeClr val="bg1"/>
              </a:solidFill>
            </a:rPr>
            <a:t>Cloud Data Platform</a:t>
          </a:r>
        </a:p>
      </dsp:txBody>
      <dsp:txXfrm>
        <a:off x="5460727" y="1065803"/>
        <a:ext cx="1122723" cy="1065803"/>
      </dsp:txXfrm>
    </dsp:sp>
    <dsp:sp modelId="{8B85A619-B930-4B84-928F-D0B14EB2D4CE}">
      <dsp:nvSpPr>
        <dsp:cNvPr id="0" name=""/>
        <dsp:cNvSpPr/>
      </dsp:nvSpPr>
      <dsp:spPr>
        <a:xfrm>
          <a:off x="5650793" y="219362"/>
          <a:ext cx="638305" cy="778713"/>
        </a:xfrm>
        <a:prstGeom prst="ellipse">
          <a:avLst/>
        </a:prstGeom>
        <a:blipFill dpi="0" rotWithShape="1">
          <a:blip xmlns:r="http://schemas.openxmlformats.org/officeDocument/2006/relationships" r:embed="rId8">
            <a:extLst>
              <a:ext uri="{28A0092B-C50C-407E-A947-70E740481C1C}">
                <a14:useLocalDpi xmlns:a14="http://schemas.microsoft.com/office/drawing/2010/main" val="0"/>
              </a:ext>
            </a:extLst>
          </a:blip>
          <a:srcRect/>
          <a:stretch>
            <a:fillRect l="11302" t="11748" r="11302" b="11748"/>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560109" y="0"/>
          <a:ext cx="1083147"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Info Governance, Data Analytics &amp; Advanced Analytics</a:t>
          </a:r>
        </a:p>
      </dsp:txBody>
      <dsp:txXfrm>
        <a:off x="6560109" y="1065803"/>
        <a:ext cx="1083147" cy="1065803"/>
      </dsp:txXfrm>
    </dsp:sp>
    <dsp:sp modelId="{082EA2B0-9575-4686-9690-E2D742C8C3AD}">
      <dsp:nvSpPr>
        <dsp:cNvPr id="0" name=""/>
        <dsp:cNvSpPr/>
      </dsp:nvSpPr>
      <dsp:spPr>
        <a:xfrm>
          <a:off x="6728457" y="212619"/>
          <a:ext cx="638305" cy="778713"/>
        </a:xfrm>
        <a:prstGeom prst="ellipse">
          <a:avLst/>
        </a:prstGeom>
        <a:blipFill dpi="0" rotWithShape="1">
          <a:blip xmlns:r="http://schemas.openxmlformats.org/officeDocument/2006/relationships" r:embed="rId9">
            <a:lum bright="70000" contrast="-70000"/>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29315" y="2214763"/>
          <a:ext cx="7594536" cy="399676"/>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4DA8FA-A3FB-4C55-BD21-DD3D7AA32F3F}">
      <dsp:nvSpPr>
        <dsp:cNvPr id="0" name=""/>
        <dsp:cNvSpPr/>
      </dsp:nvSpPr>
      <dsp:spPr>
        <a:xfrm>
          <a:off x="1354806" y="0"/>
          <a:ext cx="541922" cy="638297"/>
        </a:xfrm>
        <a:prstGeom prst="trapezoid">
          <a:avLst>
            <a:gd name="adj" fmla="val 5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r>
            <a:rPr lang="en-US" sz="1100" kern="1200" dirty="0">
              <a:solidFill>
                <a:schemeClr val="bg1"/>
              </a:solidFill>
            </a:rPr>
            <a:t>Meta</a:t>
          </a:r>
        </a:p>
        <a:p>
          <a:pPr marL="0" lvl="0" indent="0" algn="ctr" defTabSz="488950">
            <a:lnSpc>
              <a:spcPct val="90000"/>
            </a:lnSpc>
            <a:spcBef>
              <a:spcPct val="0"/>
            </a:spcBef>
            <a:spcAft>
              <a:spcPts val="0"/>
            </a:spcAft>
            <a:buNone/>
          </a:pPr>
          <a:r>
            <a:rPr lang="en-US" sz="1100" kern="1200" dirty="0">
              <a:solidFill>
                <a:schemeClr val="bg1"/>
              </a:solidFill>
            </a:rPr>
            <a:t>Data</a:t>
          </a:r>
        </a:p>
      </dsp:txBody>
      <dsp:txXfrm>
        <a:off x="1354806" y="0"/>
        <a:ext cx="541922" cy="638297"/>
      </dsp:txXfrm>
    </dsp:sp>
    <dsp:sp modelId="{BB6BBB52-8D27-42A3-BF0B-59F331A7486C}">
      <dsp:nvSpPr>
        <dsp:cNvPr id="0" name=""/>
        <dsp:cNvSpPr/>
      </dsp:nvSpPr>
      <dsp:spPr>
        <a:xfrm>
          <a:off x="1083845" y="638297"/>
          <a:ext cx="1083845"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Reference Data</a:t>
          </a:r>
        </a:p>
      </dsp:txBody>
      <dsp:txXfrm>
        <a:off x="1273517" y="638297"/>
        <a:ext cx="704499" cy="638297"/>
      </dsp:txXfrm>
    </dsp:sp>
    <dsp:sp modelId="{71C1E761-B715-4655-98F7-F13B4D34E88A}">
      <dsp:nvSpPr>
        <dsp:cNvPr id="0" name=""/>
        <dsp:cNvSpPr/>
      </dsp:nvSpPr>
      <dsp:spPr>
        <a:xfrm>
          <a:off x="812883" y="1276594"/>
          <a:ext cx="1625767"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Enterprise Structure Data</a:t>
          </a:r>
        </a:p>
      </dsp:txBody>
      <dsp:txXfrm>
        <a:off x="1097393" y="1276594"/>
        <a:ext cx="1056748" cy="638297"/>
      </dsp:txXfrm>
    </dsp:sp>
    <dsp:sp modelId="{A2B582A8-0E77-4642-A9FB-DA2ACE668393}">
      <dsp:nvSpPr>
        <dsp:cNvPr id="0" name=""/>
        <dsp:cNvSpPr/>
      </dsp:nvSpPr>
      <dsp:spPr>
        <a:xfrm>
          <a:off x="541922" y="1914891"/>
          <a:ext cx="2167690"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Structure Data</a:t>
          </a:r>
        </a:p>
      </dsp:txBody>
      <dsp:txXfrm>
        <a:off x="921268" y="1914891"/>
        <a:ext cx="1408998" cy="638297"/>
      </dsp:txXfrm>
    </dsp:sp>
    <dsp:sp modelId="{7CD2059E-4FBB-4D01-96DA-FB5DB724C603}">
      <dsp:nvSpPr>
        <dsp:cNvPr id="0" name=""/>
        <dsp:cNvSpPr/>
      </dsp:nvSpPr>
      <dsp:spPr>
        <a:xfrm>
          <a:off x="270961" y="2553188"/>
          <a:ext cx="2709612"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ctivity Data</a:t>
          </a:r>
        </a:p>
      </dsp:txBody>
      <dsp:txXfrm>
        <a:off x="745143" y="2553188"/>
        <a:ext cx="1761248" cy="638297"/>
      </dsp:txXfrm>
    </dsp:sp>
    <dsp:sp modelId="{1C0CFFB7-62BA-4727-9934-D98002B9A683}">
      <dsp:nvSpPr>
        <dsp:cNvPr id="0" name=""/>
        <dsp:cNvSpPr/>
      </dsp:nvSpPr>
      <dsp:spPr>
        <a:xfrm>
          <a:off x="0" y="3191485"/>
          <a:ext cx="3251534"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udit Data</a:t>
          </a:r>
        </a:p>
      </dsp:txBody>
      <dsp:txXfrm>
        <a:off x="569018" y="3191485"/>
        <a:ext cx="2113497" cy="63829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698594-7364-4A12-BAEE-61B2679B2822}">
      <dsp:nvSpPr>
        <dsp:cNvPr id="0" name=""/>
        <dsp:cNvSpPr/>
      </dsp:nvSpPr>
      <dsp:spPr>
        <a:xfrm>
          <a:off x="1329878" y="1311046"/>
          <a:ext cx="1666396" cy="1441500"/>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1606023" y="1549923"/>
        <a:ext cx="1114106" cy="963746"/>
      </dsp:txXfrm>
    </dsp:sp>
    <dsp:sp modelId="{4CB48A21-81D0-4D36-B76F-106A65AA195F}">
      <dsp:nvSpPr>
        <dsp:cNvPr id="0" name=""/>
        <dsp:cNvSpPr/>
      </dsp:nvSpPr>
      <dsp:spPr>
        <a:xfrm>
          <a:off x="2373362" y="621385"/>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2477193-E7A5-4BE6-89E0-BD009A2148A8}">
      <dsp:nvSpPr>
        <dsp:cNvPr id="0" name=""/>
        <dsp:cNvSpPr/>
      </dsp:nvSpPr>
      <dsp:spPr>
        <a:xfrm>
          <a:off x="1483377" y="0"/>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Governance</a:t>
          </a:r>
        </a:p>
      </dsp:txBody>
      <dsp:txXfrm>
        <a:off x="1709686" y="195784"/>
        <a:ext cx="912982" cy="789836"/>
      </dsp:txXfrm>
    </dsp:sp>
    <dsp:sp modelId="{010FD555-EF9D-4861-9505-4B12D00DDBA6}">
      <dsp:nvSpPr>
        <dsp:cNvPr id="0" name=""/>
        <dsp:cNvSpPr/>
      </dsp:nvSpPr>
      <dsp:spPr>
        <a:xfrm>
          <a:off x="3107135" y="163413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38E30BB-0075-433A-B797-BDCE2CA71C74}">
      <dsp:nvSpPr>
        <dsp:cNvPr id="0" name=""/>
        <dsp:cNvSpPr/>
      </dsp:nvSpPr>
      <dsp:spPr>
        <a:xfrm>
          <a:off x="2735791" y="726643"/>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olicies</a:t>
          </a:r>
        </a:p>
      </dsp:txBody>
      <dsp:txXfrm>
        <a:off x="2962100" y="922427"/>
        <a:ext cx="912982" cy="789836"/>
      </dsp:txXfrm>
    </dsp:sp>
    <dsp:sp modelId="{265E5C85-541A-4F7D-AA05-F8E4E17DE9C2}">
      <dsp:nvSpPr>
        <dsp:cNvPr id="0" name=""/>
        <dsp:cNvSpPr/>
      </dsp:nvSpPr>
      <dsp:spPr>
        <a:xfrm>
          <a:off x="2597409" y="2777337"/>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00FC71A-67F1-4D46-949B-0E96E69570B1}">
      <dsp:nvSpPr>
        <dsp:cNvPr id="0" name=""/>
        <dsp:cNvSpPr/>
      </dsp:nvSpPr>
      <dsp:spPr>
        <a:xfrm>
          <a:off x="2735791" y="2155139"/>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Standards</a:t>
          </a:r>
        </a:p>
      </dsp:txBody>
      <dsp:txXfrm>
        <a:off x="2962100" y="2350923"/>
        <a:ext cx="912982" cy="789836"/>
      </dsp:txXfrm>
    </dsp:sp>
    <dsp:sp modelId="{1ACC1AF7-4D5F-42EB-8BD8-160D5F98BB4F}">
      <dsp:nvSpPr>
        <dsp:cNvPr id="0" name=""/>
        <dsp:cNvSpPr/>
      </dsp:nvSpPr>
      <dsp:spPr>
        <a:xfrm>
          <a:off x="1332979" y="2896006"/>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0FB034E-AD61-4D1F-A514-44EC0595B448}">
      <dsp:nvSpPr>
        <dsp:cNvPr id="0" name=""/>
        <dsp:cNvSpPr/>
      </dsp:nvSpPr>
      <dsp:spPr>
        <a:xfrm>
          <a:off x="1483377" y="2882595"/>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rocesses</a:t>
          </a:r>
        </a:p>
      </dsp:txBody>
      <dsp:txXfrm>
        <a:off x="1709686" y="3078379"/>
        <a:ext cx="912982" cy="789836"/>
      </dsp:txXfrm>
    </dsp:sp>
    <dsp:sp modelId="{B904F641-CD1E-419C-AF12-1DCE9566F1BA}">
      <dsp:nvSpPr>
        <dsp:cNvPr id="0" name=""/>
        <dsp:cNvSpPr/>
      </dsp:nvSpPr>
      <dsp:spPr>
        <a:xfrm>
          <a:off x="587190" y="188366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24F6752-CDEA-4EE8-A307-BCCC65A68F97}">
      <dsp:nvSpPr>
        <dsp:cNvPr id="0" name=""/>
        <dsp:cNvSpPr/>
      </dsp:nvSpPr>
      <dsp:spPr>
        <a:xfrm>
          <a:off x="225148" y="2155952"/>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Tools</a:t>
          </a:r>
        </a:p>
      </dsp:txBody>
      <dsp:txXfrm>
        <a:off x="451457" y="2351736"/>
        <a:ext cx="912982" cy="789836"/>
      </dsp:txXfrm>
    </dsp:sp>
    <dsp:sp modelId="{B738462B-3A18-42F1-BDD9-C2F31BD414B9}">
      <dsp:nvSpPr>
        <dsp:cNvPr id="0" name=""/>
        <dsp:cNvSpPr/>
      </dsp:nvSpPr>
      <dsp:spPr>
        <a:xfrm>
          <a:off x="225148" y="725017"/>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11175">
            <a:lnSpc>
              <a:spcPct val="90000"/>
            </a:lnSpc>
            <a:spcBef>
              <a:spcPct val="0"/>
            </a:spcBef>
            <a:spcAft>
              <a:spcPts val="0"/>
            </a:spcAft>
            <a:buNone/>
          </a:pPr>
          <a:r>
            <a:rPr lang="en-US" sz="1150" kern="1200" dirty="0"/>
            <a:t>Ownerships </a:t>
          </a:r>
        </a:p>
        <a:p>
          <a:pPr marL="0" lvl="0" indent="0" algn="ctr" defTabSz="511175">
            <a:lnSpc>
              <a:spcPct val="90000"/>
            </a:lnSpc>
            <a:spcBef>
              <a:spcPct val="0"/>
            </a:spcBef>
            <a:spcAft>
              <a:spcPts val="0"/>
            </a:spcAft>
            <a:buNone/>
          </a:pPr>
          <a:r>
            <a:rPr lang="en-US" sz="1150" kern="1200" dirty="0"/>
            <a:t>&amp; </a:t>
          </a:r>
        </a:p>
        <a:p>
          <a:pPr marL="0" lvl="0" indent="0" algn="ctr" defTabSz="511175">
            <a:lnSpc>
              <a:spcPct val="90000"/>
            </a:lnSpc>
            <a:spcBef>
              <a:spcPct val="0"/>
            </a:spcBef>
            <a:spcAft>
              <a:spcPts val="0"/>
            </a:spcAft>
            <a:buNone/>
          </a:pPr>
          <a:r>
            <a:rPr lang="en-US" sz="1150" kern="1200" dirty="0"/>
            <a:t>Stewardships</a:t>
          </a:r>
        </a:p>
      </dsp:txBody>
      <dsp:txXfrm>
        <a:off x="451457" y="920801"/>
        <a:ext cx="912982" cy="789836"/>
      </dsp:txXfrm>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25/02/2021</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25/02/2021</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4</a:t>
            </a:fld>
            <a:endParaRPr lang="en-GB" dirty="0"/>
          </a:p>
        </p:txBody>
      </p:sp>
    </p:spTree>
    <p:extLst>
      <p:ext uri="{BB962C8B-B14F-4D97-AF65-F5344CB8AC3E}">
        <p14:creationId xmlns:p14="http://schemas.microsoft.com/office/powerpoint/2010/main" val="19148234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6</a:t>
            </a:fld>
            <a:endParaRPr lang="en-GB"/>
          </a:p>
        </p:txBody>
      </p:sp>
    </p:spTree>
    <p:extLst>
      <p:ext uri="{BB962C8B-B14F-4D97-AF65-F5344CB8AC3E}">
        <p14:creationId xmlns:p14="http://schemas.microsoft.com/office/powerpoint/2010/main" val="8238206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7</a:t>
            </a:fld>
            <a:endParaRPr lang="en-GB"/>
          </a:p>
        </p:txBody>
      </p:sp>
    </p:spTree>
    <p:extLst>
      <p:ext uri="{BB962C8B-B14F-4D97-AF65-F5344CB8AC3E}">
        <p14:creationId xmlns:p14="http://schemas.microsoft.com/office/powerpoint/2010/main" val="348905291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0</a:t>
            </a:fld>
            <a:endParaRPr lang="en-GB"/>
          </a:p>
        </p:txBody>
      </p:sp>
    </p:spTree>
    <p:extLst>
      <p:ext uri="{BB962C8B-B14F-4D97-AF65-F5344CB8AC3E}">
        <p14:creationId xmlns:p14="http://schemas.microsoft.com/office/powerpoint/2010/main" val="13615434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786342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99952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3</a:t>
            </a:fld>
            <a:endParaRPr lang="en-GB"/>
          </a:p>
        </p:txBody>
      </p:sp>
    </p:spTree>
    <p:extLst>
      <p:ext uri="{BB962C8B-B14F-4D97-AF65-F5344CB8AC3E}">
        <p14:creationId xmlns:p14="http://schemas.microsoft.com/office/powerpoint/2010/main" val="92065029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4</a:t>
            </a:fld>
            <a:endParaRPr lang="en-GB"/>
          </a:p>
        </p:txBody>
      </p:sp>
    </p:spTree>
    <p:extLst>
      <p:ext uri="{BB962C8B-B14F-4D97-AF65-F5344CB8AC3E}">
        <p14:creationId xmlns:p14="http://schemas.microsoft.com/office/powerpoint/2010/main" val="5917840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7</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8</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9</a:t>
            </a:fld>
            <a:endParaRPr lang="en-GB"/>
          </a:p>
        </p:txBody>
      </p:sp>
    </p:spTree>
    <p:extLst>
      <p:ext uri="{BB962C8B-B14F-4D97-AF65-F5344CB8AC3E}">
        <p14:creationId xmlns:p14="http://schemas.microsoft.com/office/powerpoint/2010/main" val="21795572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268444522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42432799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A89C8DF-EFC3-4193-AAB8-E410ED763749}" type="slidenum">
              <a:rPr lang="en-GB" smtClean="0"/>
              <a:t>13</a:t>
            </a:fld>
            <a:endParaRPr lang="en-GB"/>
          </a:p>
        </p:txBody>
      </p:sp>
    </p:spTree>
    <p:extLst>
      <p:ext uri="{BB962C8B-B14F-4D97-AF65-F5344CB8AC3E}">
        <p14:creationId xmlns:p14="http://schemas.microsoft.com/office/powerpoint/2010/main" val="27537630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4</a:t>
            </a:fld>
            <a:endParaRPr lang="en-GB"/>
          </a:p>
        </p:txBody>
      </p:sp>
    </p:spTree>
    <p:extLst>
      <p:ext uri="{BB962C8B-B14F-4D97-AF65-F5344CB8AC3E}">
        <p14:creationId xmlns:p14="http://schemas.microsoft.com/office/powerpoint/2010/main" val="1161803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5</a:t>
            </a:fld>
            <a:endParaRPr lang="en-GB"/>
          </a:p>
        </p:txBody>
      </p:sp>
    </p:spTree>
    <p:extLst>
      <p:ext uri="{BB962C8B-B14F-4D97-AF65-F5344CB8AC3E}">
        <p14:creationId xmlns:p14="http://schemas.microsoft.com/office/powerpoint/2010/main" val="167680088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5.xml"/><Relationship Id="rId1" Type="http://schemas.openxmlformats.org/officeDocument/2006/relationships/slideLayout" Target="../slideLayouts/slideLayout3.xml"/><Relationship Id="rId5" Type="http://schemas.openxmlformats.org/officeDocument/2006/relationships/image" Target="../media/image39.png"/><Relationship Id="rId4" Type="http://schemas.openxmlformats.org/officeDocument/2006/relationships/image" Target="../media/image38.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41.svg"/></Relationships>
</file>

<file path=ppt/slides/_rels/slide14.xml.rels><?xml version="1.0" encoding="UTF-8" standalone="yes"?>
<Relationships xmlns="http://schemas.openxmlformats.org/package/2006/relationships"><Relationship Id="rId3" Type="http://schemas.openxmlformats.org/officeDocument/2006/relationships/image" Target="../media/image42.emf"/><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43.emf"/><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44.emf"/></Relationships>
</file>

<file path=ppt/slides/_rels/slide16.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10.xml"/><Relationship Id="rId1" Type="http://schemas.openxmlformats.org/officeDocument/2006/relationships/slideLayout" Target="../slideLayouts/slideLayout3.xml"/><Relationship Id="rId4" Type="http://schemas.openxmlformats.org/officeDocument/2006/relationships/image" Target="../media/image46.emf"/></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8" Type="http://schemas.openxmlformats.org/officeDocument/2006/relationships/slideLayout" Target="../slideLayouts/slideLayout3.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notesSlide" Target="../notesSlides/notesSlide12.xml"/></Relationships>
</file>

<file path=ppt/slides/_rels/slide21.xml.rels><?xml version="1.0" encoding="UTF-8" standalone="yes"?>
<Relationships xmlns="http://schemas.openxmlformats.org/package/2006/relationships"><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9" Type="http://schemas.openxmlformats.org/officeDocument/2006/relationships/tags" Target="../tags/tag46.xml"/><Relationship Id="rId21" Type="http://schemas.openxmlformats.org/officeDocument/2006/relationships/tags" Target="../tags/tag28.xml"/><Relationship Id="rId34" Type="http://schemas.openxmlformats.org/officeDocument/2006/relationships/tags" Target="../tags/tag41.xml"/><Relationship Id="rId42" Type="http://schemas.openxmlformats.org/officeDocument/2006/relationships/tags" Target="../tags/tag49.xml"/><Relationship Id="rId47" Type="http://schemas.openxmlformats.org/officeDocument/2006/relationships/tags" Target="../tags/tag54.xml"/><Relationship Id="rId50" Type="http://schemas.openxmlformats.org/officeDocument/2006/relationships/tags" Target="../tags/tag57.xml"/><Relationship Id="rId55" Type="http://schemas.openxmlformats.org/officeDocument/2006/relationships/tags" Target="../tags/tag62.xml"/><Relationship Id="rId63" Type="http://schemas.openxmlformats.org/officeDocument/2006/relationships/tags" Target="../tags/tag70.xml"/><Relationship Id="rId68" Type="http://schemas.openxmlformats.org/officeDocument/2006/relationships/tags" Target="../tags/tag75.xml"/><Relationship Id="rId7" Type="http://schemas.openxmlformats.org/officeDocument/2006/relationships/tags" Target="../tags/tag14.xml"/><Relationship Id="rId71" Type="http://schemas.openxmlformats.org/officeDocument/2006/relationships/notesSlide" Target="../notesSlides/notesSlide13.xml"/><Relationship Id="rId2" Type="http://schemas.openxmlformats.org/officeDocument/2006/relationships/tags" Target="../tags/tag9.xml"/><Relationship Id="rId16" Type="http://schemas.openxmlformats.org/officeDocument/2006/relationships/tags" Target="../tags/tag23.xml"/><Relationship Id="rId29" Type="http://schemas.openxmlformats.org/officeDocument/2006/relationships/tags" Target="../tags/tag36.xml"/><Relationship Id="rId1" Type="http://schemas.openxmlformats.org/officeDocument/2006/relationships/tags" Target="../tags/tag8.xml"/><Relationship Id="rId6" Type="http://schemas.openxmlformats.org/officeDocument/2006/relationships/tags" Target="../tags/tag13.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tags" Target="../tags/tag39.xml"/><Relationship Id="rId37" Type="http://schemas.openxmlformats.org/officeDocument/2006/relationships/tags" Target="../tags/tag44.xml"/><Relationship Id="rId40" Type="http://schemas.openxmlformats.org/officeDocument/2006/relationships/tags" Target="../tags/tag47.xml"/><Relationship Id="rId45" Type="http://schemas.openxmlformats.org/officeDocument/2006/relationships/tags" Target="../tags/tag52.xml"/><Relationship Id="rId53" Type="http://schemas.openxmlformats.org/officeDocument/2006/relationships/tags" Target="../tags/tag60.xml"/><Relationship Id="rId58" Type="http://schemas.openxmlformats.org/officeDocument/2006/relationships/tags" Target="../tags/tag65.xml"/><Relationship Id="rId66" Type="http://schemas.openxmlformats.org/officeDocument/2006/relationships/tags" Target="../tags/tag73.xml"/><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36" Type="http://schemas.openxmlformats.org/officeDocument/2006/relationships/tags" Target="../tags/tag43.xml"/><Relationship Id="rId49" Type="http://schemas.openxmlformats.org/officeDocument/2006/relationships/tags" Target="../tags/tag56.xml"/><Relationship Id="rId57" Type="http://schemas.openxmlformats.org/officeDocument/2006/relationships/tags" Target="../tags/tag64.xml"/><Relationship Id="rId61" Type="http://schemas.openxmlformats.org/officeDocument/2006/relationships/tags" Target="../tags/tag68.xml"/><Relationship Id="rId10" Type="http://schemas.openxmlformats.org/officeDocument/2006/relationships/tags" Target="../tags/tag17.xml"/><Relationship Id="rId19" Type="http://schemas.openxmlformats.org/officeDocument/2006/relationships/tags" Target="../tags/tag26.xml"/><Relationship Id="rId31" Type="http://schemas.openxmlformats.org/officeDocument/2006/relationships/tags" Target="../tags/tag38.xml"/><Relationship Id="rId44" Type="http://schemas.openxmlformats.org/officeDocument/2006/relationships/tags" Target="../tags/tag51.xml"/><Relationship Id="rId52" Type="http://schemas.openxmlformats.org/officeDocument/2006/relationships/tags" Target="../tags/tag59.xml"/><Relationship Id="rId60" Type="http://schemas.openxmlformats.org/officeDocument/2006/relationships/tags" Target="../tags/tag67.xml"/><Relationship Id="rId65" Type="http://schemas.openxmlformats.org/officeDocument/2006/relationships/tags" Target="../tags/tag72.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 Id="rId35" Type="http://schemas.openxmlformats.org/officeDocument/2006/relationships/tags" Target="../tags/tag42.xml"/><Relationship Id="rId43" Type="http://schemas.openxmlformats.org/officeDocument/2006/relationships/tags" Target="../tags/tag50.xml"/><Relationship Id="rId48" Type="http://schemas.openxmlformats.org/officeDocument/2006/relationships/tags" Target="../tags/tag55.xml"/><Relationship Id="rId56" Type="http://schemas.openxmlformats.org/officeDocument/2006/relationships/tags" Target="../tags/tag63.xml"/><Relationship Id="rId64" Type="http://schemas.openxmlformats.org/officeDocument/2006/relationships/tags" Target="../tags/tag71.xml"/><Relationship Id="rId69" Type="http://schemas.openxmlformats.org/officeDocument/2006/relationships/tags" Target="../tags/tag76.xml"/><Relationship Id="rId8" Type="http://schemas.openxmlformats.org/officeDocument/2006/relationships/tags" Target="../tags/tag15.xml"/><Relationship Id="rId51" Type="http://schemas.openxmlformats.org/officeDocument/2006/relationships/tags" Target="../tags/tag58.xml"/><Relationship Id="rId3" Type="http://schemas.openxmlformats.org/officeDocument/2006/relationships/tags" Target="../tags/tag10.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33" Type="http://schemas.openxmlformats.org/officeDocument/2006/relationships/tags" Target="../tags/tag40.xml"/><Relationship Id="rId38" Type="http://schemas.openxmlformats.org/officeDocument/2006/relationships/tags" Target="../tags/tag45.xml"/><Relationship Id="rId46" Type="http://schemas.openxmlformats.org/officeDocument/2006/relationships/tags" Target="../tags/tag53.xml"/><Relationship Id="rId59" Type="http://schemas.openxmlformats.org/officeDocument/2006/relationships/tags" Target="../tags/tag66.xml"/><Relationship Id="rId67" Type="http://schemas.openxmlformats.org/officeDocument/2006/relationships/tags" Target="../tags/tag74.xml"/><Relationship Id="rId20" Type="http://schemas.openxmlformats.org/officeDocument/2006/relationships/tags" Target="../tags/tag27.xml"/><Relationship Id="rId41" Type="http://schemas.openxmlformats.org/officeDocument/2006/relationships/tags" Target="../tags/tag48.xml"/><Relationship Id="rId54" Type="http://schemas.openxmlformats.org/officeDocument/2006/relationships/tags" Target="../tags/tag61.xml"/><Relationship Id="rId62" Type="http://schemas.openxmlformats.org/officeDocument/2006/relationships/tags" Target="../tags/tag69.xml"/><Relationship Id="rId70"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8" Type="http://schemas.openxmlformats.org/officeDocument/2006/relationships/tags" Target="../tags/tag84.xml"/><Relationship Id="rId13" Type="http://schemas.openxmlformats.org/officeDocument/2006/relationships/tags" Target="../tags/tag89.xml"/><Relationship Id="rId18" Type="http://schemas.openxmlformats.org/officeDocument/2006/relationships/tags" Target="../tags/tag94.xml"/><Relationship Id="rId26" Type="http://schemas.openxmlformats.org/officeDocument/2006/relationships/tags" Target="../tags/tag102.xml"/><Relationship Id="rId39" Type="http://schemas.openxmlformats.org/officeDocument/2006/relationships/notesSlide" Target="../notesSlides/notesSlide14.xml"/><Relationship Id="rId3" Type="http://schemas.openxmlformats.org/officeDocument/2006/relationships/tags" Target="../tags/tag79.xml"/><Relationship Id="rId21" Type="http://schemas.openxmlformats.org/officeDocument/2006/relationships/tags" Target="../tags/tag97.xml"/><Relationship Id="rId34" Type="http://schemas.openxmlformats.org/officeDocument/2006/relationships/tags" Target="../tags/tag110.xml"/><Relationship Id="rId7" Type="http://schemas.openxmlformats.org/officeDocument/2006/relationships/tags" Target="../tags/tag83.xml"/><Relationship Id="rId12" Type="http://schemas.openxmlformats.org/officeDocument/2006/relationships/tags" Target="../tags/tag88.xml"/><Relationship Id="rId17" Type="http://schemas.openxmlformats.org/officeDocument/2006/relationships/tags" Target="../tags/tag93.xml"/><Relationship Id="rId25" Type="http://schemas.openxmlformats.org/officeDocument/2006/relationships/tags" Target="../tags/tag101.xml"/><Relationship Id="rId33" Type="http://schemas.openxmlformats.org/officeDocument/2006/relationships/tags" Target="../tags/tag109.xml"/><Relationship Id="rId38" Type="http://schemas.openxmlformats.org/officeDocument/2006/relationships/slideLayout" Target="../slideLayouts/slideLayout1.xml"/><Relationship Id="rId2" Type="http://schemas.openxmlformats.org/officeDocument/2006/relationships/tags" Target="../tags/tag78.xml"/><Relationship Id="rId16" Type="http://schemas.openxmlformats.org/officeDocument/2006/relationships/tags" Target="../tags/tag92.xml"/><Relationship Id="rId20" Type="http://schemas.openxmlformats.org/officeDocument/2006/relationships/tags" Target="../tags/tag96.xml"/><Relationship Id="rId29" Type="http://schemas.openxmlformats.org/officeDocument/2006/relationships/tags" Target="../tags/tag105.xml"/><Relationship Id="rId1" Type="http://schemas.openxmlformats.org/officeDocument/2006/relationships/tags" Target="../tags/tag77.xml"/><Relationship Id="rId6" Type="http://schemas.openxmlformats.org/officeDocument/2006/relationships/tags" Target="../tags/tag82.xml"/><Relationship Id="rId11" Type="http://schemas.openxmlformats.org/officeDocument/2006/relationships/tags" Target="../tags/tag87.xml"/><Relationship Id="rId24" Type="http://schemas.openxmlformats.org/officeDocument/2006/relationships/tags" Target="../tags/tag100.xml"/><Relationship Id="rId32" Type="http://schemas.openxmlformats.org/officeDocument/2006/relationships/tags" Target="../tags/tag108.xml"/><Relationship Id="rId37" Type="http://schemas.openxmlformats.org/officeDocument/2006/relationships/tags" Target="../tags/tag113.xml"/><Relationship Id="rId5" Type="http://schemas.openxmlformats.org/officeDocument/2006/relationships/tags" Target="../tags/tag81.xml"/><Relationship Id="rId15" Type="http://schemas.openxmlformats.org/officeDocument/2006/relationships/tags" Target="../tags/tag91.xml"/><Relationship Id="rId23" Type="http://schemas.openxmlformats.org/officeDocument/2006/relationships/tags" Target="../tags/tag99.xml"/><Relationship Id="rId28" Type="http://schemas.openxmlformats.org/officeDocument/2006/relationships/tags" Target="../tags/tag104.xml"/><Relationship Id="rId36" Type="http://schemas.openxmlformats.org/officeDocument/2006/relationships/tags" Target="../tags/tag112.xml"/><Relationship Id="rId10" Type="http://schemas.openxmlformats.org/officeDocument/2006/relationships/tags" Target="../tags/tag86.xml"/><Relationship Id="rId19" Type="http://schemas.openxmlformats.org/officeDocument/2006/relationships/tags" Target="../tags/tag95.xml"/><Relationship Id="rId31" Type="http://schemas.openxmlformats.org/officeDocument/2006/relationships/tags" Target="../tags/tag107.xml"/><Relationship Id="rId4" Type="http://schemas.openxmlformats.org/officeDocument/2006/relationships/tags" Target="../tags/tag80.xml"/><Relationship Id="rId9" Type="http://schemas.openxmlformats.org/officeDocument/2006/relationships/tags" Target="../tags/tag85.xml"/><Relationship Id="rId14" Type="http://schemas.openxmlformats.org/officeDocument/2006/relationships/tags" Target="../tags/tag90.xml"/><Relationship Id="rId22" Type="http://schemas.openxmlformats.org/officeDocument/2006/relationships/tags" Target="../tags/tag98.xml"/><Relationship Id="rId27" Type="http://schemas.openxmlformats.org/officeDocument/2006/relationships/tags" Target="../tags/tag103.xml"/><Relationship Id="rId30" Type="http://schemas.openxmlformats.org/officeDocument/2006/relationships/tags" Target="../tags/tag106.xml"/><Relationship Id="rId35" Type="http://schemas.openxmlformats.org/officeDocument/2006/relationships/tags" Target="../tags/tag111.xml"/></Relationships>
</file>

<file path=ppt/slides/_rels/slide23.xml.rels><?xml version="1.0" encoding="UTF-8" standalone="yes"?>
<Relationships xmlns="http://schemas.openxmlformats.org/package/2006/relationships"><Relationship Id="rId3" Type="http://schemas.openxmlformats.org/officeDocument/2006/relationships/hyperlink" Target="https://www.informatica.com/products/master-data-management.html" TargetMode="External"/><Relationship Id="rId2" Type="http://schemas.openxmlformats.org/officeDocument/2006/relationships/notesSlide" Target="../notesSlides/notesSlide15.xml"/><Relationship Id="rId1" Type="http://schemas.openxmlformats.org/officeDocument/2006/relationships/slideLayout" Target="../slideLayouts/slideLayout3.xml"/><Relationship Id="rId6" Type="http://schemas.openxmlformats.org/officeDocument/2006/relationships/hyperlink" Target="https://www.winshuttle.com/products/enterworks/master-data-management/" TargetMode="External"/><Relationship Id="rId5" Type="http://schemas.openxmlformats.org/officeDocument/2006/relationships/hyperlink" Target="https://www.riversand.com/solutions/riversand-mdm/" TargetMode="External"/><Relationship Id="rId4" Type="http://schemas.openxmlformats.org/officeDocument/2006/relationships/hyperlink" Target="https://www.reltio.com/" TargetMode="External"/></Relationships>
</file>

<file path=ppt/slides/_rels/slide24.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emf"/><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3.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4.xml"/><Relationship Id="rId6" Type="http://schemas.openxmlformats.org/officeDocument/2006/relationships/image" Target="../media/image22.sv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emf"/><Relationship Id="rId9" Type="http://schemas.openxmlformats.org/officeDocument/2006/relationships/image" Target="../media/image25.png"/><Relationship Id="rId14" Type="http://schemas.openxmlformats.org/officeDocument/2006/relationships/image" Target="../media/image30.svg"/></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220D7A5C-41FB-4A52-9B12-B489A9754A5D}"/>
              </a:ext>
            </a:extLst>
          </p:cNvPr>
          <p:cNvSpPr>
            <a:spLocks noGrp="1"/>
          </p:cNvSpPr>
          <p:nvPr>
            <p:ph type="title"/>
          </p:nvPr>
        </p:nvSpPr>
        <p:spPr>
          <a:xfrm>
            <a:off x="330195" y="611981"/>
            <a:ext cx="8120614" cy="868039"/>
          </a:xfrm>
        </p:spPr>
        <p:txBody>
          <a:bodyPr/>
          <a:lstStyle/>
          <a:p>
            <a:pPr>
              <a:lnSpc>
                <a:spcPct val="100000"/>
              </a:lnSpc>
              <a:spcAft>
                <a:spcPts val="600"/>
              </a:spcAft>
            </a:pPr>
            <a:r>
              <a:rPr lang="en-US" sz="2800" dirty="0">
                <a:latin typeface="Arial" pitchFamily="34" charset="0"/>
                <a:cs typeface="Arial" pitchFamily="34" charset="0"/>
              </a:rPr>
              <a:t>Master Data Management</a:t>
            </a:r>
            <a:br>
              <a:rPr lang="en-US" sz="2800" dirty="0">
                <a:latin typeface="Arial" pitchFamily="34" charset="0"/>
                <a:cs typeface="Arial" pitchFamily="34" charset="0"/>
              </a:rPr>
            </a:br>
            <a:r>
              <a:rPr lang="en-US" sz="2000" dirty="0">
                <a:latin typeface="Arial" pitchFamily="34" charset="0"/>
                <a:cs typeface="Arial" pitchFamily="34" charset="0"/>
              </a:rPr>
              <a:t>for UK ET/GT</a:t>
            </a:r>
            <a:r>
              <a:rPr lang="en-US" sz="2800" dirty="0">
                <a:latin typeface="Arial" pitchFamily="34" charset="0"/>
                <a:cs typeface="Arial" pitchFamily="34" charset="0"/>
              </a:rPr>
              <a:t> </a:t>
            </a:r>
            <a:endParaRPr lang="fr-FR" sz="2800" dirty="0">
              <a:latin typeface="Arial" pitchFamily="34" charset="0"/>
              <a:cs typeface="Arial" pitchFamily="34" charset="0"/>
            </a:endParaRPr>
          </a:p>
        </p:txBody>
      </p:sp>
      <p:sp>
        <p:nvSpPr>
          <p:cNvPr id="19" name="Text Placeholder 18">
            <a:extLst>
              <a:ext uri="{FF2B5EF4-FFF2-40B4-BE49-F238E27FC236}">
                <a16:creationId xmlns:a16="http://schemas.microsoft.com/office/drawing/2014/main" id="{948126CF-A5B8-47CE-AA62-DD2EDDE837D6}"/>
              </a:ext>
            </a:extLst>
          </p:cNvPr>
          <p:cNvSpPr>
            <a:spLocks noGrp="1"/>
          </p:cNvSpPr>
          <p:nvPr>
            <p:ph type="body" sz="quarter" idx="10"/>
          </p:nvPr>
        </p:nvSpPr>
        <p:spPr>
          <a:xfrm>
            <a:off x="330195" y="2396078"/>
            <a:ext cx="4033839" cy="1477328"/>
          </a:xfrm>
        </p:spPr>
        <p:txBody>
          <a:bodyPr/>
          <a:lstStyle/>
          <a:p>
            <a:pPr>
              <a:spcBef>
                <a:spcPts val="300"/>
              </a:spcBef>
            </a:pPr>
            <a:r>
              <a:rPr lang="en-GB" dirty="0">
                <a:latin typeface="Arial" pitchFamily="34" charset="0"/>
                <a:cs typeface="Arial" pitchFamily="34" charset="0"/>
              </a:rPr>
              <a:t>Enterprise Information Architecture</a:t>
            </a:r>
          </a:p>
          <a:p>
            <a:endParaRPr lang="en-US" sz="1300" b="0" dirty="0">
              <a:latin typeface="Arial" pitchFamily="34" charset="0"/>
              <a:cs typeface="Arial" pitchFamily="34" charset="0"/>
            </a:endParaRPr>
          </a:p>
          <a:p>
            <a:r>
              <a:rPr lang="en-US" sz="1300" b="0" dirty="0">
                <a:latin typeface="Arial" pitchFamily="34" charset="0"/>
                <a:cs typeface="Arial" pitchFamily="34" charset="0"/>
              </a:rPr>
              <a:t>Classification:  Confidential</a:t>
            </a:r>
          </a:p>
          <a:p>
            <a:r>
              <a:rPr lang="en-US" sz="1300" b="0" dirty="0">
                <a:latin typeface="Arial" pitchFamily="34" charset="0"/>
                <a:cs typeface="Arial" pitchFamily="34" charset="0"/>
              </a:rPr>
              <a:t>Author	    Nishit Ajwaliya</a:t>
            </a:r>
          </a:p>
          <a:p>
            <a:r>
              <a:rPr lang="en-US" sz="1300" b="0" dirty="0">
                <a:latin typeface="Arial" pitchFamily="34" charset="0"/>
                <a:cs typeface="Arial" pitchFamily="34" charset="0"/>
              </a:rPr>
              <a:t>Date	    February 2021</a:t>
            </a:r>
          </a:p>
          <a:p>
            <a:r>
              <a:rPr lang="en-US" sz="1300" b="0" dirty="0">
                <a:latin typeface="Arial" pitchFamily="34" charset="0"/>
                <a:cs typeface="Arial" pitchFamily="34" charset="0"/>
              </a:rPr>
              <a:t>Version	    v0.1</a:t>
            </a:r>
          </a:p>
          <a:p>
            <a:r>
              <a:rPr lang="en-US" sz="1300" b="0" dirty="0">
                <a:latin typeface="Arial" pitchFamily="34" charset="0"/>
                <a:cs typeface="Arial" pitchFamily="34" charset="0"/>
              </a:rPr>
              <a:t>Status	    DRAFT</a:t>
            </a:r>
            <a:endParaRPr lang="en-GB" b="0" dirty="0"/>
          </a:p>
        </p:txBody>
      </p:sp>
      <p:pic>
        <p:nvPicPr>
          <p:cNvPr id="11" name="Picture 2" descr="http://infodocs/nationalgridstandards/img/DM-illustration_edit_v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9981" y="1931208"/>
            <a:ext cx="3946630" cy="1879242"/>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7490891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Rounded Corners 6">
            <a:extLst>
              <a:ext uri="{FF2B5EF4-FFF2-40B4-BE49-F238E27FC236}">
                <a16:creationId xmlns:a16="http://schemas.microsoft.com/office/drawing/2014/main" id="{0DE9992B-D0E1-4E3B-B7FD-0BB4DDE1D2BB}"/>
              </a:ext>
            </a:extLst>
          </p:cNvPr>
          <p:cNvSpPr/>
          <p:nvPr/>
        </p:nvSpPr>
        <p:spPr bwMode="auto">
          <a:xfrm>
            <a:off x="395657" y="3619908"/>
            <a:ext cx="3665971" cy="919977"/>
          </a:xfrm>
          <a:prstGeom prst="roundRect">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US" sz="1200" dirty="0">
                <a:solidFill>
                  <a:srgbClr val="00148C"/>
                </a:solidFill>
                <a:latin typeface="+mn-lt"/>
                <a:cs typeface="Arial"/>
              </a:rPr>
              <a:t>Legend</a:t>
            </a:r>
          </a:p>
        </p:txBody>
      </p:sp>
      <p:sp>
        <p:nvSpPr>
          <p:cNvPr id="2" name="Title 1"/>
          <p:cNvSpPr>
            <a:spLocks noGrp="1"/>
          </p:cNvSpPr>
          <p:nvPr>
            <p:ph type="title"/>
          </p:nvPr>
        </p:nvSpPr>
        <p:spPr>
          <a:xfrm>
            <a:off x="114064" y="112352"/>
            <a:ext cx="6302261"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Example: UK Ellipse Work Order</a:t>
            </a:r>
          </a:p>
        </p:txBody>
      </p:sp>
      <p:sp>
        <p:nvSpPr>
          <p:cNvPr id="11" name="Rectangle: Rounded Corners 10">
            <a:extLst>
              <a:ext uri="{FF2B5EF4-FFF2-40B4-BE49-F238E27FC236}">
                <a16:creationId xmlns:a16="http://schemas.microsoft.com/office/drawing/2014/main" id="{F822C664-28D6-4A0F-B3C4-44C342CAFE37}"/>
              </a:ext>
            </a:extLst>
          </p:cNvPr>
          <p:cNvSpPr/>
          <p:nvPr/>
        </p:nvSpPr>
        <p:spPr bwMode="auto">
          <a:xfrm>
            <a:off x="426572" y="3917541"/>
            <a:ext cx="1707927" cy="139855"/>
          </a:xfrm>
          <a:prstGeom prst="roundRect">
            <a:avLst/>
          </a:prstGeom>
          <a:solidFill>
            <a:schemeClr val="accent1">
              <a:lumMod val="20000"/>
              <a:lumOff val="8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Structure Data</a:t>
            </a:r>
            <a:endParaRPr lang="en-US" sz="900" dirty="0">
              <a:solidFill>
                <a:schemeClr val="tx1"/>
              </a:solidFill>
              <a:latin typeface="+mn-lt"/>
              <a:cs typeface="Arial"/>
            </a:endParaRPr>
          </a:p>
        </p:txBody>
      </p:sp>
      <p:sp>
        <p:nvSpPr>
          <p:cNvPr id="14" name="Rectangle: Rounded Corners 13">
            <a:extLst>
              <a:ext uri="{FF2B5EF4-FFF2-40B4-BE49-F238E27FC236}">
                <a16:creationId xmlns:a16="http://schemas.microsoft.com/office/drawing/2014/main" id="{43716C6A-D49A-41D5-A86C-F884A8659991}"/>
              </a:ext>
            </a:extLst>
          </p:cNvPr>
          <p:cNvSpPr/>
          <p:nvPr/>
        </p:nvSpPr>
        <p:spPr bwMode="auto">
          <a:xfrm>
            <a:off x="426571" y="4140556"/>
            <a:ext cx="1707927" cy="139855"/>
          </a:xfrm>
          <a:prstGeom prst="roundRect">
            <a:avLst/>
          </a:prstGeom>
          <a:solidFill>
            <a:schemeClr val="accent1">
              <a:lumMod val="60000"/>
              <a:lumOff val="4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Reference Data</a:t>
            </a:r>
            <a:endParaRPr lang="en-US" sz="900" dirty="0">
              <a:solidFill>
                <a:schemeClr val="tx1"/>
              </a:solidFill>
              <a:latin typeface="+mn-lt"/>
              <a:cs typeface="Arial"/>
            </a:endParaRPr>
          </a:p>
        </p:txBody>
      </p:sp>
      <p:sp>
        <p:nvSpPr>
          <p:cNvPr id="18" name="Rectangle: Rounded Corners 17">
            <a:extLst>
              <a:ext uri="{FF2B5EF4-FFF2-40B4-BE49-F238E27FC236}">
                <a16:creationId xmlns:a16="http://schemas.microsoft.com/office/drawing/2014/main" id="{45F72D0A-237A-4C17-98FC-C1DC6241810B}"/>
              </a:ext>
            </a:extLst>
          </p:cNvPr>
          <p:cNvSpPr/>
          <p:nvPr/>
        </p:nvSpPr>
        <p:spPr bwMode="auto">
          <a:xfrm>
            <a:off x="2257830" y="3908997"/>
            <a:ext cx="1707927" cy="139855"/>
          </a:xfrm>
          <a:prstGeom prst="roundRect">
            <a:avLst/>
          </a:prstGeom>
          <a:solidFill>
            <a:schemeClr val="accent3">
              <a:lumMod val="75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ctivity Data</a:t>
            </a:r>
            <a:endParaRPr lang="en-GB" sz="900" dirty="0">
              <a:solidFill>
                <a:schemeClr val="tx1">
                  <a:lumMod val="50000"/>
                </a:schemeClr>
              </a:solidFill>
              <a:cs typeface="Arial"/>
            </a:endParaRPr>
          </a:p>
        </p:txBody>
      </p:sp>
      <p:sp>
        <p:nvSpPr>
          <p:cNvPr id="28" name="Rectangle: Rounded Corners 27">
            <a:extLst>
              <a:ext uri="{FF2B5EF4-FFF2-40B4-BE49-F238E27FC236}">
                <a16:creationId xmlns:a16="http://schemas.microsoft.com/office/drawing/2014/main" id="{99B6D851-9407-4432-A92C-B116F4874E43}"/>
              </a:ext>
            </a:extLst>
          </p:cNvPr>
          <p:cNvSpPr/>
          <p:nvPr/>
        </p:nvSpPr>
        <p:spPr bwMode="auto">
          <a:xfrm>
            <a:off x="1304387" y="4345353"/>
            <a:ext cx="1707927" cy="139855"/>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bg1"/>
                </a:solidFill>
              </a:rPr>
              <a:t>Metadata</a:t>
            </a:r>
          </a:p>
        </p:txBody>
      </p:sp>
      <p:sp>
        <p:nvSpPr>
          <p:cNvPr id="29" name="Rectangle: Rounded Corners 28">
            <a:extLst>
              <a:ext uri="{FF2B5EF4-FFF2-40B4-BE49-F238E27FC236}">
                <a16:creationId xmlns:a16="http://schemas.microsoft.com/office/drawing/2014/main" id="{EA71BD26-AFD7-4D1B-B59A-3BAB1CAE4305}"/>
              </a:ext>
            </a:extLst>
          </p:cNvPr>
          <p:cNvSpPr/>
          <p:nvPr/>
        </p:nvSpPr>
        <p:spPr bwMode="auto">
          <a:xfrm>
            <a:off x="2257831" y="4136996"/>
            <a:ext cx="1707927" cy="139855"/>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udit Data</a:t>
            </a:r>
          </a:p>
        </p:txBody>
      </p:sp>
      <p:sp>
        <p:nvSpPr>
          <p:cNvPr id="38" name="TextBox 37">
            <a:extLst>
              <a:ext uri="{FF2B5EF4-FFF2-40B4-BE49-F238E27FC236}">
                <a16:creationId xmlns:a16="http://schemas.microsoft.com/office/drawing/2014/main" id="{72306777-55BF-407F-9EBE-31F47A8DC1A4}"/>
              </a:ext>
            </a:extLst>
          </p:cNvPr>
          <p:cNvSpPr txBox="1"/>
          <p:nvPr/>
        </p:nvSpPr>
        <p:spPr bwMode="auto">
          <a:xfrm>
            <a:off x="212578" y="565916"/>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i="1" dirty="0">
                <a:solidFill>
                  <a:srgbClr val="00148C"/>
                </a:solidFill>
                <a:latin typeface="Arial" panose="020B0604020202020204" pitchFamily="34" charset="0"/>
              </a:rPr>
              <a:t>Work Order Database</a:t>
            </a:r>
            <a:r>
              <a:rPr lang="en-US" sz="1400" b="0" dirty="0">
                <a:solidFill>
                  <a:schemeClr val="tx1"/>
                </a:solidFill>
              </a:rPr>
              <a:t> </a:t>
            </a:r>
            <a:r>
              <a:rPr lang="en-US" sz="1400" i="1" dirty="0">
                <a:solidFill>
                  <a:srgbClr val="00148C"/>
                </a:solidFill>
                <a:latin typeface="Arial" panose="020B0604020202020204" pitchFamily="34" charset="0"/>
              </a:rPr>
              <a:t>Table</a:t>
            </a:r>
          </a:p>
        </p:txBody>
      </p:sp>
      <p:sp>
        <p:nvSpPr>
          <p:cNvPr id="39" name="TextBox 38">
            <a:extLst>
              <a:ext uri="{FF2B5EF4-FFF2-40B4-BE49-F238E27FC236}">
                <a16:creationId xmlns:a16="http://schemas.microsoft.com/office/drawing/2014/main" id="{E39363AF-CB93-458D-ACA8-66DED4EAA6D9}"/>
              </a:ext>
            </a:extLst>
          </p:cNvPr>
          <p:cNvSpPr txBox="1"/>
          <p:nvPr/>
        </p:nvSpPr>
        <p:spPr bwMode="auto">
          <a:xfrm>
            <a:off x="222050" y="2528634"/>
            <a:ext cx="286309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dirty="0"/>
              <a:t>Work Order Table Data</a:t>
            </a:r>
          </a:p>
        </p:txBody>
      </p:sp>
      <p:pic>
        <p:nvPicPr>
          <p:cNvPr id="20" name="Picture 19">
            <a:extLst>
              <a:ext uri="{FF2B5EF4-FFF2-40B4-BE49-F238E27FC236}">
                <a16:creationId xmlns:a16="http://schemas.microsoft.com/office/drawing/2014/main" id="{D4B99DEF-01D9-4266-92D9-85D436091E00}"/>
              </a:ext>
            </a:extLst>
          </p:cNvPr>
          <p:cNvPicPr>
            <a:picLocks noChangeAspect="1"/>
          </p:cNvPicPr>
          <p:nvPr/>
        </p:nvPicPr>
        <p:blipFill>
          <a:blip r:embed="rId3"/>
          <a:stretch>
            <a:fillRect/>
          </a:stretch>
        </p:blipFill>
        <p:spPr>
          <a:xfrm>
            <a:off x="4450800" y="581656"/>
            <a:ext cx="4100448" cy="4233625"/>
          </a:xfrm>
          <a:prstGeom prst="rect">
            <a:avLst/>
          </a:prstGeom>
        </p:spPr>
      </p:pic>
      <p:sp>
        <p:nvSpPr>
          <p:cNvPr id="15" name="Rectangle: Rounded Corners 14">
            <a:extLst>
              <a:ext uri="{FF2B5EF4-FFF2-40B4-BE49-F238E27FC236}">
                <a16:creationId xmlns:a16="http://schemas.microsoft.com/office/drawing/2014/main" id="{5F0BF952-4A70-4436-97F7-913C153CE8E3}"/>
              </a:ext>
            </a:extLst>
          </p:cNvPr>
          <p:cNvSpPr/>
          <p:nvPr/>
        </p:nvSpPr>
        <p:spPr bwMode="auto">
          <a:xfrm>
            <a:off x="4471982" y="861127"/>
            <a:ext cx="4121043" cy="3937450"/>
          </a:xfrm>
          <a:prstGeom prst="roundRect">
            <a:avLst>
              <a:gd name="adj" fmla="val 5306"/>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pic>
        <p:nvPicPr>
          <p:cNvPr id="23" name="Picture 22">
            <a:extLst>
              <a:ext uri="{FF2B5EF4-FFF2-40B4-BE49-F238E27FC236}">
                <a16:creationId xmlns:a16="http://schemas.microsoft.com/office/drawing/2014/main" id="{6AE25F4B-3C28-4418-A4AA-F073EA081B0F}"/>
              </a:ext>
            </a:extLst>
          </p:cNvPr>
          <p:cNvPicPr>
            <a:picLocks noChangeAspect="1"/>
          </p:cNvPicPr>
          <p:nvPr/>
        </p:nvPicPr>
        <p:blipFill>
          <a:blip r:embed="rId4"/>
          <a:stretch>
            <a:fillRect/>
          </a:stretch>
        </p:blipFill>
        <p:spPr>
          <a:xfrm>
            <a:off x="262347" y="786174"/>
            <a:ext cx="3094664" cy="1597057"/>
          </a:xfrm>
          <a:prstGeom prst="rect">
            <a:avLst/>
          </a:prstGeom>
        </p:spPr>
      </p:pic>
      <p:pic>
        <p:nvPicPr>
          <p:cNvPr id="31" name="Picture 30">
            <a:extLst>
              <a:ext uri="{FF2B5EF4-FFF2-40B4-BE49-F238E27FC236}">
                <a16:creationId xmlns:a16="http://schemas.microsoft.com/office/drawing/2014/main" id="{88D688B0-DA72-48DC-8BE4-748DEC239E0B}"/>
              </a:ext>
            </a:extLst>
          </p:cNvPr>
          <p:cNvPicPr>
            <a:picLocks noChangeAspect="1"/>
          </p:cNvPicPr>
          <p:nvPr/>
        </p:nvPicPr>
        <p:blipFill>
          <a:blip r:embed="rId5"/>
          <a:stretch>
            <a:fillRect/>
          </a:stretch>
        </p:blipFill>
        <p:spPr>
          <a:xfrm>
            <a:off x="285752" y="2808193"/>
            <a:ext cx="4121763" cy="336368"/>
          </a:xfrm>
          <a:prstGeom prst="rect">
            <a:avLst/>
          </a:prstGeom>
        </p:spPr>
      </p:pic>
      <p:sp>
        <p:nvSpPr>
          <p:cNvPr id="13" name="Rectangle: Rounded Corners 12">
            <a:extLst>
              <a:ext uri="{FF2B5EF4-FFF2-40B4-BE49-F238E27FC236}">
                <a16:creationId xmlns:a16="http://schemas.microsoft.com/office/drawing/2014/main" id="{AFA23405-02B0-42BA-987E-CBF2E80355E5}"/>
              </a:ext>
            </a:extLst>
          </p:cNvPr>
          <p:cNvSpPr/>
          <p:nvPr/>
        </p:nvSpPr>
        <p:spPr bwMode="auto">
          <a:xfrm>
            <a:off x="5629037" y="1087896"/>
            <a:ext cx="1807543" cy="138556"/>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1" name="Rectangle: Rounded Corners 40">
            <a:extLst>
              <a:ext uri="{FF2B5EF4-FFF2-40B4-BE49-F238E27FC236}">
                <a16:creationId xmlns:a16="http://schemas.microsoft.com/office/drawing/2014/main" id="{3F8EBCBB-18AA-428F-828C-FFCA13E85D97}"/>
              </a:ext>
            </a:extLst>
          </p:cNvPr>
          <p:cNvSpPr/>
          <p:nvPr/>
        </p:nvSpPr>
        <p:spPr bwMode="auto">
          <a:xfrm>
            <a:off x="5628731" y="1344986"/>
            <a:ext cx="2471396" cy="138555"/>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2" name="Rectangle: Rounded Corners 41">
            <a:extLst>
              <a:ext uri="{FF2B5EF4-FFF2-40B4-BE49-F238E27FC236}">
                <a16:creationId xmlns:a16="http://schemas.microsoft.com/office/drawing/2014/main" id="{6DDB7835-FB70-47AF-9018-90D671857074}"/>
              </a:ext>
            </a:extLst>
          </p:cNvPr>
          <p:cNvSpPr/>
          <p:nvPr/>
        </p:nvSpPr>
        <p:spPr bwMode="auto">
          <a:xfrm>
            <a:off x="5642797" y="1588188"/>
            <a:ext cx="328116" cy="125659"/>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3" name="Rectangle: Rounded Corners 42">
            <a:extLst>
              <a:ext uri="{FF2B5EF4-FFF2-40B4-BE49-F238E27FC236}">
                <a16:creationId xmlns:a16="http://schemas.microsoft.com/office/drawing/2014/main" id="{1CB5EF14-FDDE-4E12-889A-7F82FE751300}"/>
              </a:ext>
            </a:extLst>
          </p:cNvPr>
          <p:cNvSpPr/>
          <p:nvPr/>
        </p:nvSpPr>
        <p:spPr bwMode="auto">
          <a:xfrm>
            <a:off x="5620639" y="2034028"/>
            <a:ext cx="2471396" cy="138555"/>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4" name="Rectangle: Rounded Corners 43">
            <a:extLst>
              <a:ext uri="{FF2B5EF4-FFF2-40B4-BE49-F238E27FC236}">
                <a16:creationId xmlns:a16="http://schemas.microsoft.com/office/drawing/2014/main" id="{54AD4875-3AAA-46FF-88F6-56670FE7BA71}"/>
              </a:ext>
            </a:extLst>
          </p:cNvPr>
          <p:cNvSpPr/>
          <p:nvPr/>
        </p:nvSpPr>
        <p:spPr bwMode="auto">
          <a:xfrm>
            <a:off x="5620639" y="2491423"/>
            <a:ext cx="466690" cy="128931"/>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0" name="Rectangle: Rounded Corners 9">
            <a:extLst>
              <a:ext uri="{FF2B5EF4-FFF2-40B4-BE49-F238E27FC236}">
                <a16:creationId xmlns:a16="http://schemas.microsoft.com/office/drawing/2014/main" id="{3853AB4B-04C8-4026-967D-AAC762BB3B3E}"/>
              </a:ext>
            </a:extLst>
          </p:cNvPr>
          <p:cNvSpPr/>
          <p:nvPr/>
        </p:nvSpPr>
        <p:spPr bwMode="auto">
          <a:xfrm>
            <a:off x="5970913" y="3737436"/>
            <a:ext cx="1320011" cy="163469"/>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6" name="Rectangle: Rounded Corners 45">
            <a:extLst>
              <a:ext uri="{FF2B5EF4-FFF2-40B4-BE49-F238E27FC236}">
                <a16:creationId xmlns:a16="http://schemas.microsoft.com/office/drawing/2014/main" id="{525DFCE6-E9A0-4A1E-AD5A-E694705ABB37}"/>
              </a:ext>
            </a:extLst>
          </p:cNvPr>
          <p:cNvSpPr/>
          <p:nvPr/>
        </p:nvSpPr>
        <p:spPr bwMode="auto">
          <a:xfrm>
            <a:off x="5970914" y="4430335"/>
            <a:ext cx="688832" cy="131510"/>
          </a:xfrm>
          <a:prstGeom prst="roundRect">
            <a:avLst/>
          </a:prstGeom>
          <a:solidFill>
            <a:schemeClr val="accent3">
              <a:lumMod val="75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endParaRPr lang="en-GB" sz="900" dirty="0">
              <a:solidFill>
                <a:schemeClr val="tx1">
                  <a:lumMod val="50000"/>
                </a:schemeClr>
              </a:solidFill>
              <a:cs typeface="Arial"/>
            </a:endParaRPr>
          </a:p>
        </p:txBody>
      </p:sp>
      <p:sp>
        <p:nvSpPr>
          <p:cNvPr id="47" name="Rectangle: Rounded Corners 46">
            <a:extLst>
              <a:ext uri="{FF2B5EF4-FFF2-40B4-BE49-F238E27FC236}">
                <a16:creationId xmlns:a16="http://schemas.microsoft.com/office/drawing/2014/main" id="{41C806FE-F596-45ED-82BA-13ADC90FBA16}"/>
              </a:ext>
            </a:extLst>
          </p:cNvPr>
          <p:cNvSpPr/>
          <p:nvPr/>
        </p:nvSpPr>
        <p:spPr bwMode="auto">
          <a:xfrm>
            <a:off x="5961845" y="4216422"/>
            <a:ext cx="2057362" cy="128931"/>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9" name="Rectangle: Rounded Corners 48">
            <a:extLst>
              <a:ext uri="{FF2B5EF4-FFF2-40B4-BE49-F238E27FC236}">
                <a16:creationId xmlns:a16="http://schemas.microsoft.com/office/drawing/2014/main" id="{6730FC88-98AA-4FCB-B533-850E0B33F135}"/>
              </a:ext>
            </a:extLst>
          </p:cNvPr>
          <p:cNvSpPr/>
          <p:nvPr/>
        </p:nvSpPr>
        <p:spPr bwMode="auto">
          <a:xfrm>
            <a:off x="5961845" y="3100239"/>
            <a:ext cx="2589403" cy="163469"/>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50" name="Rectangle: Rounded Corners 49">
            <a:extLst>
              <a:ext uri="{FF2B5EF4-FFF2-40B4-BE49-F238E27FC236}">
                <a16:creationId xmlns:a16="http://schemas.microsoft.com/office/drawing/2014/main" id="{E09139E4-C95D-432A-9B7A-4E502C414B99}"/>
              </a:ext>
            </a:extLst>
          </p:cNvPr>
          <p:cNvSpPr/>
          <p:nvPr/>
        </p:nvSpPr>
        <p:spPr bwMode="auto">
          <a:xfrm>
            <a:off x="5965090" y="2920669"/>
            <a:ext cx="2057362" cy="128931"/>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Tree>
    <p:extLst>
      <p:ext uri="{BB962C8B-B14F-4D97-AF65-F5344CB8AC3E}">
        <p14:creationId xmlns:p14="http://schemas.microsoft.com/office/powerpoint/2010/main" val="2709382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7997164" cy="430887"/>
          </a:xfrm>
        </p:spPr>
        <p:txBody>
          <a:bodyPr/>
          <a:lstStyle/>
          <a:p>
            <a:r>
              <a:rPr lang="en-US" sz="2800" dirty="0"/>
              <a:t>What is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3</a:t>
            </a:r>
            <a:endParaRPr lang="en-GB" sz="6600" dirty="0"/>
          </a:p>
        </p:txBody>
      </p:sp>
    </p:spTree>
    <p:extLst>
      <p:ext uri="{BB962C8B-B14F-4D97-AF65-F5344CB8AC3E}">
        <p14:creationId xmlns:p14="http://schemas.microsoft.com/office/powerpoint/2010/main" val="34523008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Hexagon 5">
            <a:extLst>
              <a:ext uri="{FF2B5EF4-FFF2-40B4-BE49-F238E27FC236}">
                <a16:creationId xmlns:a16="http://schemas.microsoft.com/office/drawing/2014/main" id="{D5C4DAFC-F4EA-4782-A45B-47D4712D5BA0}"/>
              </a:ext>
            </a:extLst>
          </p:cNvPr>
          <p:cNvSpPr/>
          <p:nvPr/>
        </p:nvSpPr>
        <p:spPr>
          <a:xfrm>
            <a:off x="6021701" y="1192275"/>
            <a:ext cx="628726" cy="541731"/>
          </a:xfrm>
          <a:prstGeom prst="hexagon">
            <a:avLst>
              <a:gd name="adj" fmla="val 28900"/>
              <a:gd name="vf" fmla="val 11547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2" name="Title 1"/>
          <p:cNvSpPr>
            <a:spLocks noGrp="1"/>
          </p:cNvSpPr>
          <p:nvPr>
            <p:ph type="title"/>
          </p:nvPr>
        </p:nvSpPr>
        <p:spPr>
          <a:xfrm>
            <a:off x="122483" y="119527"/>
            <a:ext cx="8497370" cy="430887"/>
          </a:xfrm>
        </p:spPr>
        <p:txBody>
          <a:bodyPr/>
          <a:lstStyle/>
          <a:p>
            <a:r>
              <a:rPr lang="en-US" dirty="0"/>
              <a:t>Master Data Management (MDM)</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4761333" cy="4001095"/>
          </a:xfrm>
        </p:spPr>
        <p:txBody>
          <a:bodyPr numCol="1"/>
          <a:lstStyle/>
          <a:p>
            <a:pPr marL="269875" lvl="2" indent="-269875"/>
            <a:r>
              <a:rPr lang="en-US" dirty="0"/>
              <a:t>MDM is a set of policies, standards, processes, governance, stewardships, and tools that combined create a commonly trusted, consistent, accurate, and controlled set of “master data” for critical business from across internal and external data sources and applications</a:t>
            </a:r>
          </a:p>
          <a:p>
            <a:pPr marL="269875" lvl="2" indent="-269875"/>
            <a:r>
              <a:rPr lang="en-US" dirty="0"/>
              <a:t>With master data management, National Grid will have an authoritative and reliable source of business critical master data that will help better decision making and will support regulatory requirements, Business Analytics and Digital Transformation</a:t>
            </a:r>
          </a:p>
          <a:p>
            <a:pPr marL="269875" lvl="2" indent="-269875"/>
            <a:r>
              <a:rPr lang="en-US" dirty="0"/>
              <a:t>Core master data entity includes Customer, Workforce, Asset, Location, Product, Vendor, Reference etc. </a:t>
            </a:r>
          </a:p>
        </p:txBody>
      </p:sp>
      <p:graphicFrame>
        <p:nvGraphicFramePr>
          <p:cNvPr id="5" name="Diagram 4">
            <a:extLst>
              <a:ext uri="{FF2B5EF4-FFF2-40B4-BE49-F238E27FC236}">
                <a16:creationId xmlns:a16="http://schemas.microsoft.com/office/drawing/2014/main" id="{8FC6904C-D930-4ABA-B78A-38B8169F1D45}"/>
              </a:ext>
            </a:extLst>
          </p:cNvPr>
          <p:cNvGraphicFramePr/>
          <p:nvPr>
            <p:extLst/>
          </p:nvPr>
        </p:nvGraphicFramePr>
        <p:xfrm>
          <a:off x="4898379" y="432902"/>
          <a:ext cx="4326541"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6617168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3">
            <a:extLst>
              <a:ext uri="{FF2B5EF4-FFF2-40B4-BE49-F238E27FC236}">
                <a16:creationId xmlns:a16="http://schemas.microsoft.com/office/drawing/2014/main" id="{E2DC889B-9A0A-42DE-96B2-6CF4FDCB3D4E}"/>
              </a:ext>
            </a:extLst>
          </p:cNvPr>
          <p:cNvSpPr>
            <a:spLocks noChangeArrowheads="1"/>
          </p:cNvSpPr>
          <p:nvPr/>
        </p:nvSpPr>
        <p:spPr bwMode="auto">
          <a:xfrm>
            <a:off x="5523674" y="500702"/>
            <a:ext cx="999986" cy="793329"/>
          </a:xfrm>
          <a:custGeom>
            <a:avLst/>
            <a:gdLst>
              <a:gd name="T0" fmla="*/ 3224 w 3840"/>
              <a:gd name="T1" fmla="*/ 983 h 3047"/>
              <a:gd name="T2" fmla="*/ 3224 w 3840"/>
              <a:gd name="T3" fmla="*/ 983 h 3047"/>
              <a:gd name="T4" fmla="*/ 3048 w 3840"/>
              <a:gd name="T5" fmla="*/ 1010 h 3047"/>
              <a:gd name="T6" fmla="*/ 3048 w 3840"/>
              <a:gd name="T7" fmla="*/ 1010 h 3047"/>
              <a:gd name="T8" fmla="*/ 3048 w 3840"/>
              <a:gd name="T9" fmla="*/ 983 h 3047"/>
              <a:gd name="T10" fmla="*/ 3048 w 3840"/>
              <a:gd name="T11" fmla="*/ 983 h 3047"/>
              <a:gd name="T12" fmla="*/ 2065 w 3840"/>
              <a:gd name="T13" fmla="*/ 0 h 3047"/>
              <a:gd name="T14" fmla="*/ 2065 w 3840"/>
              <a:gd name="T15" fmla="*/ 0 h 3047"/>
              <a:gd name="T16" fmla="*/ 1091 w 3840"/>
              <a:gd name="T17" fmla="*/ 847 h 3047"/>
              <a:gd name="T18" fmla="*/ 1091 w 3840"/>
              <a:gd name="T19" fmla="*/ 847 h 3047"/>
              <a:gd name="T20" fmla="*/ 820 w 3840"/>
              <a:gd name="T21" fmla="*/ 801 h 3047"/>
              <a:gd name="T22" fmla="*/ 820 w 3840"/>
              <a:gd name="T23" fmla="*/ 801 h 3047"/>
              <a:gd name="T24" fmla="*/ 0 w 3840"/>
              <a:gd name="T25" fmla="*/ 1621 h 3047"/>
              <a:gd name="T26" fmla="*/ 0 w 3840"/>
              <a:gd name="T27" fmla="*/ 1621 h 3047"/>
              <a:gd name="T28" fmla="*/ 694 w 3840"/>
              <a:gd name="T29" fmla="*/ 2431 h 3047"/>
              <a:gd name="T30" fmla="*/ 694 w 3840"/>
              <a:gd name="T31" fmla="*/ 2431 h 3047"/>
              <a:gd name="T32" fmla="*/ 1472 w 3840"/>
              <a:gd name="T33" fmla="*/ 3046 h 3047"/>
              <a:gd name="T34" fmla="*/ 1472 w 3840"/>
              <a:gd name="T35" fmla="*/ 3046 h 3047"/>
              <a:gd name="T36" fmla="*/ 2181 w 3840"/>
              <a:gd name="T37" fmla="*/ 2618 h 3047"/>
              <a:gd name="T38" fmla="*/ 2181 w 3840"/>
              <a:gd name="T39" fmla="*/ 2618 h 3047"/>
              <a:gd name="T40" fmla="*/ 2653 w 3840"/>
              <a:gd name="T41" fmla="*/ 2866 h 3047"/>
              <a:gd name="T42" fmla="*/ 2653 w 3840"/>
              <a:gd name="T43" fmla="*/ 2866 h 3047"/>
              <a:gd name="T44" fmla="*/ 3224 w 3840"/>
              <a:gd name="T45" fmla="*/ 2295 h 3047"/>
              <a:gd name="T46" fmla="*/ 3224 w 3840"/>
              <a:gd name="T47" fmla="*/ 2295 h 3047"/>
              <a:gd name="T48" fmla="*/ 3218 w 3840"/>
              <a:gd name="T49" fmla="*/ 2213 h 3047"/>
              <a:gd name="T50" fmla="*/ 3218 w 3840"/>
              <a:gd name="T51" fmla="*/ 2213 h 3047"/>
              <a:gd name="T52" fmla="*/ 3224 w 3840"/>
              <a:gd name="T53" fmla="*/ 2213 h 3047"/>
              <a:gd name="T54" fmla="*/ 3224 w 3840"/>
              <a:gd name="T55" fmla="*/ 2213 h 3047"/>
              <a:gd name="T56" fmla="*/ 3839 w 3840"/>
              <a:gd name="T57" fmla="*/ 1598 h 3047"/>
              <a:gd name="T58" fmla="*/ 3839 w 3840"/>
              <a:gd name="T59" fmla="*/ 1598 h 3047"/>
              <a:gd name="T60" fmla="*/ 3224 w 3840"/>
              <a:gd name="T61" fmla="*/ 983 h 30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840" h="3047">
                <a:moveTo>
                  <a:pt x="3224" y="983"/>
                </a:moveTo>
                <a:lnTo>
                  <a:pt x="3224" y="983"/>
                </a:lnTo>
                <a:cubicBezTo>
                  <a:pt x="3163" y="983"/>
                  <a:pt x="3104" y="993"/>
                  <a:pt x="3048" y="1010"/>
                </a:cubicBezTo>
                <a:lnTo>
                  <a:pt x="3048" y="1010"/>
                </a:lnTo>
                <a:cubicBezTo>
                  <a:pt x="3048" y="1001"/>
                  <a:pt x="3048" y="992"/>
                  <a:pt x="3048" y="983"/>
                </a:cubicBezTo>
                <a:lnTo>
                  <a:pt x="3048" y="983"/>
                </a:lnTo>
                <a:cubicBezTo>
                  <a:pt x="3048" y="440"/>
                  <a:pt x="2608" y="0"/>
                  <a:pt x="2065" y="0"/>
                </a:cubicBezTo>
                <a:lnTo>
                  <a:pt x="2065" y="0"/>
                </a:lnTo>
                <a:cubicBezTo>
                  <a:pt x="1568" y="0"/>
                  <a:pt x="1157" y="369"/>
                  <a:pt x="1091" y="847"/>
                </a:cubicBezTo>
                <a:lnTo>
                  <a:pt x="1091" y="847"/>
                </a:lnTo>
                <a:cubicBezTo>
                  <a:pt x="1006" y="817"/>
                  <a:pt x="915" y="801"/>
                  <a:pt x="820" y="801"/>
                </a:cubicBezTo>
                <a:lnTo>
                  <a:pt x="820" y="801"/>
                </a:lnTo>
                <a:cubicBezTo>
                  <a:pt x="367" y="801"/>
                  <a:pt x="0" y="1168"/>
                  <a:pt x="0" y="1621"/>
                </a:cubicBezTo>
                <a:lnTo>
                  <a:pt x="0" y="1621"/>
                </a:lnTo>
                <a:cubicBezTo>
                  <a:pt x="0" y="2031"/>
                  <a:pt x="301" y="2370"/>
                  <a:pt x="694" y="2431"/>
                </a:cubicBezTo>
                <a:lnTo>
                  <a:pt x="694" y="2431"/>
                </a:lnTo>
                <a:cubicBezTo>
                  <a:pt x="779" y="2784"/>
                  <a:pt x="1094" y="3046"/>
                  <a:pt x="1472" y="3046"/>
                </a:cubicBezTo>
                <a:lnTo>
                  <a:pt x="1472" y="3046"/>
                </a:lnTo>
                <a:cubicBezTo>
                  <a:pt x="1780" y="3046"/>
                  <a:pt x="2047" y="2872"/>
                  <a:pt x="2181" y="2618"/>
                </a:cubicBezTo>
                <a:lnTo>
                  <a:pt x="2181" y="2618"/>
                </a:lnTo>
                <a:cubicBezTo>
                  <a:pt x="2284" y="2768"/>
                  <a:pt x="2457" y="2866"/>
                  <a:pt x="2653" y="2866"/>
                </a:cubicBezTo>
                <a:lnTo>
                  <a:pt x="2653" y="2866"/>
                </a:lnTo>
                <a:cubicBezTo>
                  <a:pt x="2968" y="2866"/>
                  <a:pt x="3224" y="2611"/>
                  <a:pt x="3224" y="2295"/>
                </a:cubicBezTo>
                <a:lnTo>
                  <a:pt x="3224" y="2295"/>
                </a:lnTo>
                <a:cubicBezTo>
                  <a:pt x="3224" y="2267"/>
                  <a:pt x="3222" y="2240"/>
                  <a:pt x="3218" y="2213"/>
                </a:cubicBezTo>
                <a:lnTo>
                  <a:pt x="3218" y="2213"/>
                </a:lnTo>
                <a:cubicBezTo>
                  <a:pt x="3220" y="2213"/>
                  <a:pt x="3222" y="2213"/>
                  <a:pt x="3224" y="2213"/>
                </a:cubicBezTo>
                <a:lnTo>
                  <a:pt x="3224" y="2213"/>
                </a:lnTo>
                <a:cubicBezTo>
                  <a:pt x="3564" y="2213"/>
                  <a:pt x="3839" y="1939"/>
                  <a:pt x="3839" y="1598"/>
                </a:cubicBezTo>
                <a:lnTo>
                  <a:pt x="3839" y="1598"/>
                </a:lnTo>
                <a:cubicBezTo>
                  <a:pt x="3839" y="1259"/>
                  <a:pt x="3564" y="983"/>
                  <a:pt x="3224" y="983"/>
                </a:cubicBezTo>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6" name="Freeform 5">
            <a:extLst>
              <a:ext uri="{FF2B5EF4-FFF2-40B4-BE49-F238E27FC236}">
                <a16:creationId xmlns:a16="http://schemas.microsoft.com/office/drawing/2014/main" id="{A94695D5-71A6-4492-8697-D2889A2E06BC}"/>
              </a:ext>
            </a:extLst>
          </p:cNvPr>
          <p:cNvSpPr>
            <a:spLocks noChangeArrowheads="1"/>
          </p:cNvSpPr>
          <p:nvPr/>
        </p:nvSpPr>
        <p:spPr bwMode="auto">
          <a:xfrm>
            <a:off x="3631624" y="2645331"/>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7" name="Freeform 6">
            <a:extLst>
              <a:ext uri="{FF2B5EF4-FFF2-40B4-BE49-F238E27FC236}">
                <a16:creationId xmlns:a16="http://schemas.microsoft.com/office/drawing/2014/main" id="{4FBCD5E2-38F6-4D61-83F9-0DBBE4A5825C}"/>
              </a:ext>
            </a:extLst>
          </p:cNvPr>
          <p:cNvSpPr>
            <a:spLocks noChangeArrowheads="1"/>
          </p:cNvSpPr>
          <p:nvPr/>
        </p:nvSpPr>
        <p:spPr bwMode="auto">
          <a:xfrm>
            <a:off x="2176996" y="806093"/>
            <a:ext cx="1258305" cy="910434"/>
          </a:xfrm>
          <a:custGeom>
            <a:avLst/>
            <a:gdLst>
              <a:gd name="T0" fmla="*/ 3867 w 4832"/>
              <a:gd name="T1" fmla="*/ 641 h 3495"/>
              <a:gd name="T2" fmla="*/ 3867 w 4832"/>
              <a:gd name="T3" fmla="*/ 641 h 3495"/>
              <a:gd name="T4" fmla="*/ 2850 w 4832"/>
              <a:gd name="T5" fmla="*/ 35 h 3495"/>
              <a:gd name="T6" fmla="*/ 2850 w 4832"/>
              <a:gd name="T7" fmla="*/ 35 h 3495"/>
              <a:gd name="T8" fmla="*/ 2004 w 4832"/>
              <a:gd name="T9" fmla="*/ 571 h 3495"/>
              <a:gd name="T10" fmla="*/ 2004 w 4832"/>
              <a:gd name="T11" fmla="*/ 571 h 3495"/>
              <a:gd name="T12" fmla="*/ 1398 w 4832"/>
              <a:gd name="T13" fmla="*/ 340 h 3495"/>
              <a:gd name="T14" fmla="*/ 1398 w 4832"/>
              <a:gd name="T15" fmla="*/ 340 h 3495"/>
              <a:gd name="T16" fmla="*/ 735 w 4832"/>
              <a:gd name="T17" fmla="*/ 1022 h 3495"/>
              <a:gd name="T18" fmla="*/ 735 w 4832"/>
              <a:gd name="T19" fmla="*/ 1022 h 3495"/>
              <a:gd name="T20" fmla="*/ 750 w 4832"/>
              <a:gd name="T21" fmla="*/ 1111 h 3495"/>
              <a:gd name="T22" fmla="*/ 750 w 4832"/>
              <a:gd name="T23" fmla="*/ 1111 h 3495"/>
              <a:gd name="T24" fmla="*/ 742 w 4832"/>
              <a:gd name="T25" fmla="*/ 1111 h 3495"/>
              <a:gd name="T26" fmla="*/ 742 w 4832"/>
              <a:gd name="T27" fmla="*/ 1111 h 3495"/>
              <a:gd name="T28" fmla="*/ 28 w 4832"/>
              <a:gd name="T29" fmla="*/ 1846 h 3495"/>
              <a:gd name="T30" fmla="*/ 28 w 4832"/>
              <a:gd name="T31" fmla="*/ 1846 h 3495"/>
              <a:gd name="T32" fmla="*/ 842 w 4832"/>
              <a:gd name="T33" fmla="*/ 2466 h 3495"/>
              <a:gd name="T34" fmla="*/ 842 w 4832"/>
              <a:gd name="T35" fmla="*/ 2466 h 3495"/>
              <a:gd name="T36" fmla="*/ 1059 w 4832"/>
              <a:gd name="T37" fmla="*/ 2422 h 3495"/>
              <a:gd name="T38" fmla="*/ 1059 w 4832"/>
              <a:gd name="T39" fmla="*/ 2422 h 3495"/>
              <a:gd name="T40" fmla="*/ 1060 w 4832"/>
              <a:gd name="T41" fmla="*/ 2451 h 3495"/>
              <a:gd name="T42" fmla="*/ 1060 w 4832"/>
              <a:gd name="T43" fmla="*/ 2451 h 3495"/>
              <a:gd name="T44" fmla="*/ 2362 w 4832"/>
              <a:gd name="T45" fmla="*/ 3444 h 3495"/>
              <a:gd name="T46" fmla="*/ 2362 w 4832"/>
              <a:gd name="T47" fmla="*/ 3444 h 3495"/>
              <a:gd name="T48" fmla="*/ 3503 w 4832"/>
              <a:gd name="T49" fmla="*/ 2422 h 3495"/>
              <a:gd name="T50" fmla="*/ 3503 w 4832"/>
              <a:gd name="T51" fmla="*/ 2422 h 3495"/>
              <a:gd name="T52" fmla="*/ 3843 w 4832"/>
              <a:gd name="T53" fmla="*/ 2448 h 3495"/>
              <a:gd name="T54" fmla="*/ 3843 w 4832"/>
              <a:gd name="T55" fmla="*/ 2448 h 3495"/>
              <a:gd name="T56" fmla="*/ 4795 w 4832"/>
              <a:gd name="T57" fmla="*/ 1469 h 3495"/>
              <a:gd name="T58" fmla="*/ 4795 w 4832"/>
              <a:gd name="T59" fmla="*/ 1469 h 3495"/>
              <a:gd name="T60" fmla="*/ 3867 w 4832"/>
              <a:gd name="T61" fmla="*/ 641 h 34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832" h="3495">
                <a:moveTo>
                  <a:pt x="3867" y="641"/>
                </a:moveTo>
                <a:lnTo>
                  <a:pt x="3867" y="641"/>
                </a:lnTo>
                <a:cubicBezTo>
                  <a:pt x="3734" y="260"/>
                  <a:pt x="3320" y="0"/>
                  <a:pt x="2850" y="35"/>
                </a:cubicBezTo>
                <a:lnTo>
                  <a:pt x="2850" y="35"/>
                </a:lnTo>
                <a:cubicBezTo>
                  <a:pt x="2468" y="63"/>
                  <a:pt x="2150" y="279"/>
                  <a:pt x="2004" y="571"/>
                </a:cubicBezTo>
                <a:lnTo>
                  <a:pt x="2004" y="571"/>
                </a:lnTo>
                <a:cubicBezTo>
                  <a:pt x="1865" y="415"/>
                  <a:pt x="1642" y="322"/>
                  <a:pt x="1398" y="340"/>
                </a:cubicBezTo>
                <a:lnTo>
                  <a:pt x="1398" y="340"/>
                </a:lnTo>
                <a:cubicBezTo>
                  <a:pt x="1006" y="369"/>
                  <a:pt x="709" y="674"/>
                  <a:pt x="735" y="1022"/>
                </a:cubicBezTo>
                <a:lnTo>
                  <a:pt x="735" y="1022"/>
                </a:lnTo>
                <a:cubicBezTo>
                  <a:pt x="738" y="1053"/>
                  <a:pt x="743" y="1082"/>
                  <a:pt x="750" y="1111"/>
                </a:cubicBezTo>
                <a:lnTo>
                  <a:pt x="750" y="1111"/>
                </a:lnTo>
                <a:cubicBezTo>
                  <a:pt x="747" y="1111"/>
                  <a:pt x="745" y="1111"/>
                  <a:pt x="742" y="1111"/>
                </a:cubicBezTo>
                <a:lnTo>
                  <a:pt x="742" y="1111"/>
                </a:lnTo>
                <a:cubicBezTo>
                  <a:pt x="320" y="1143"/>
                  <a:pt x="0" y="1472"/>
                  <a:pt x="28" y="1846"/>
                </a:cubicBezTo>
                <a:lnTo>
                  <a:pt x="28" y="1846"/>
                </a:lnTo>
                <a:cubicBezTo>
                  <a:pt x="55" y="2220"/>
                  <a:pt x="420" y="2498"/>
                  <a:pt x="842" y="2466"/>
                </a:cubicBezTo>
                <a:lnTo>
                  <a:pt x="842" y="2466"/>
                </a:lnTo>
                <a:cubicBezTo>
                  <a:pt x="918" y="2461"/>
                  <a:pt x="991" y="2445"/>
                  <a:pt x="1059" y="2422"/>
                </a:cubicBezTo>
                <a:lnTo>
                  <a:pt x="1059" y="2422"/>
                </a:lnTo>
                <a:cubicBezTo>
                  <a:pt x="1059" y="2431"/>
                  <a:pt x="1059" y="2441"/>
                  <a:pt x="1060" y="2451"/>
                </a:cubicBezTo>
                <a:lnTo>
                  <a:pt x="1060" y="2451"/>
                </a:lnTo>
                <a:cubicBezTo>
                  <a:pt x="1104" y="3049"/>
                  <a:pt x="1687" y="3494"/>
                  <a:pt x="2362" y="3444"/>
                </a:cubicBezTo>
                <a:lnTo>
                  <a:pt x="2362" y="3444"/>
                </a:lnTo>
                <a:cubicBezTo>
                  <a:pt x="2979" y="3399"/>
                  <a:pt x="3459" y="2955"/>
                  <a:pt x="3503" y="2422"/>
                </a:cubicBezTo>
                <a:lnTo>
                  <a:pt x="3503" y="2422"/>
                </a:lnTo>
                <a:cubicBezTo>
                  <a:pt x="3611" y="2447"/>
                  <a:pt x="3725" y="2456"/>
                  <a:pt x="3843" y="2448"/>
                </a:cubicBezTo>
                <a:lnTo>
                  <a:pt x="3843" y="2448"/>
                </a:lnTo>
                <a:cubicBezTo>
                  <a:pt x="4405" y="2406"/>
                  <a:pt x="4831" y="1968"/>
                  <a:pt x="4795" y="1469"/>
                </a:cubicBezTo>
                <a:lnTo>
                  <a:pt x="4795" y="1469"/>
                </a:lnTo>
                <a:cubicBezTo>
                  <a:pt x="4761" y="1018"/>
                  <a:pt x="4360" y="672"/>
                  <a:pt x="3867" y="641"/>
                </a:cubicBezTo>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8" name="Freeform 7">
            <a:extLst>
              <a:ext uri="{FF2B5EF4-FFF2-40B4-BE49-F238E27FC236}">
                <a16:creationId xmlns:a16="http://schemas.microsoft.com/office/drawing/2014/main" id="{47304FD2-C827-40A8-9FE4-5B3B58A32A77}"/>
              </a:ext>
            </a:extLst>
          </p:cNvPr>
          <p:cNvSpPr>
            <a:spLocks noChangeArrowheads="1"/>
          </p:cNvSpPr>
          <p:nvPr/>
        </p:nvSpPr>
        <p:spPr bwMode="auto">
          <a:xfrm>
            <a:off x="2396281" y="4138995"/>
            <a:ext cx="1072315" cy="670484"/>
          </a:xfrm>
          <a:custGeom>
            <a:avLst/>
            <a:gdLst>
              <a:gd name="T0" fmla="*/ 1975 w 4120"/>
              <a:gd name="T1" fmla="*/ 1146 h 2575"/>
              <a:gd name="T2" fmla="*/ 1975 w 4120"/>
              <a:gd name="T3" fmla="*/ 1146 h 2575"/>
              <a:gd name="T4" fmla="*/ 1997 w 4120"/>
              <a:gd name="T5" fmla="*/ 1122 h 2575"/>
              <a:gd name="T6" fmla="*/ 1997 w 4120"/>
              <a:gd name="T7" fmla="*/ 1122 h 2575"/>
              <a:gd name="T8" fmla="*/ 2033 w 4120"/>
              <a:gd name="T9" fmla="*/ 1171 h 2575"/>
              <a:gd name="T10" fmla="*/ 2033 w 4120"/>
              <a:gd name="T11" fmla="*/ 1171 h 2575"/>
              <a:gd name="T12" fmla="*/ 1975 w 4120"/>
              <a:gd name="T13" fmla="*/ 1146 h 2575"/>
              <a:gd name="T14" fmla="*/ 3425 w 4120"/>
              <a:gd name="T15" fmla="*/ 726 h 2575"/>
              <a:gd name="T16" fmla="*/ 3425 w 4120"/>
              <a:gd name="T17" fmla="*/ 726 h 2575"/>
              <a:gd name="T18" fmla="*/ 3286 w 4120"/>
              <a:gd name="T19" fmla="*/ 755 h 2575"/>
              <a:gd name="T20" fmla="*/ 3286 w 4120"/>
              <a:gd name="T21" fmla="*/ 755 h 2575"/>
              <a:gd name="T22" fmla="*/ 3284 w 4120"/>
              <a:gd name="T23" fmla="*/ 673 h 2575"/>
              <a:gd name="T24" fmla="*/ 3284 w 4120"/>
              <a:gd name="T25" fmla="*/ 673 h 2575"/>
              <a:gd name="T26" fmla="*/ 2523 w 4120"/>
              <a:gd name="T27" fmla="*/ 33 h 2575"/>
              <a:gd name="T28" fmla="*/ 2523 w 4120"/>
              <a:gd name="T29" fmla="*/ 33 h 2575"/>
              <a:gd name="T30" fmla="*/ 2012 w 4120"/>
              <a:gd name="T31" fmla="*/ 324 h 2575"/>
              <a:gd name="T32" fmla="*/ 2012 w 4120"/>
              <a:gd name="T33" fmla="*/ 324 h 2575"/>
              <a:gd name="T34" fmla="*/ 1466 w 4120"/>
              <a:gd name="T35" fmla="*/ 88 h 2575"/>
              <a:gd name="T36" fmla="*/ 1466 w 4120"/>
              <a:gd name="T37" fmla="*/ 88 h 2575"/>
              <a:gd name="T38" fmla="*/ 917 w 4120"/>
              <a:gd name="T39" fmla="*/ 535 h 2575"/>
              <a:gd name="T40" fmla="*/ 917 w 4120"/>
              <a:gd name="T41" fmla="*/ 535 h 2575"/>
              <a:gd name="T42" fmla="*/ 667 w 4120"/>
              <a:gd name="T43" fmla="*/ 512 h 2575"/>
              <a:gd name="T44" fmla="*/ 667 w 4120"/>
              <a:gd name="T45" fmla="*/ 512 h 2575"/>
              <a:gd name="T46" fmla="*/ 33 w 4120"/>
              <a:gd name="T47" fmla="*/ 1264 h 2575"/>
              <a:gd name="T48" fmla="*/ 33 w 4120"/>
              <a:gd name="T49" fmla="*/ 1264 h 2575"/>
              <a:gd name="T50" fmla="*/ 786 w 4120"/>
              <a:gd name="T51" fmla="*/ 1899 h 2575"/>
              <a:gd name="T52" fmla="*/ 786 w 4120"/>
              <a:gd name="T53" fmla="*/ 1899 h 2575"/>
              <a:gd name="T54" fmla="*/ 988 w 4120"/>
              <a:gd name="T55" fmla="*/ 1850 h 2575"/>
              <a:gd name="T56" fmla="*/ 988 w 4120"/>
              <a:gd name="T57" fmla="*/ 1850 h 2575"/>
              <a:gd name="T58" fmla="*/ 990 w 4120"/>
              <a:gd name="T59" fmla="*/ 1881 h 2575"/>
              <a:gd name="T60" fmla="*/ 990 w 4120"/>
              <a:gd name="T61" fmla="*/ 1881 h 2575"/>
              <a:gd name="T62" fmla="*/ 1773 w 4120"/>
              <a:gd name="T63" fmla="*/ 2540 h 2575"/>
              <a:gd name="T64" fmla="*/ 1773 w 4120"/>
              <a:gd name="T65" fmla="*/ 2540 h 2575"/>
              <a:gd name="T66" fmla="*/ 2318 w 4120"/>
              <a:gd name="T67" fmla="*/ 2212 h 2575"/>
              <a:gd name="T68" fmla="*/ 2318 w 4120"/>
              <a:gd name="T69" fmla="*/ 2212 h 2575"/>
              <a:gd name="T70" fmla="*/ 2763 w 4120"/>
              <a:gd name="T71" fmla="*/ 2345 h 2575"/>
              <a:gd name="T72" fmla="*/ 2763 w 4120"/>
              <a:gd name="T73" fmla="*/ 2345 h 2575"/>
              <a:gd name="T74" fmla="*/ 3306 w 4120"/>
              <a:gd name="T75" fmla="*/ 1927 h 2575"/>
              <a:gd name="T76" fmla="*/ 3306 w 4120"/>
              <a:gd name="T77" fmla="*/ 1927 h 2575"/>
              <a:gd name="T78" fmla="*/ 3531 w 4120"/>
              <a:gd name="T79" fmla="*/ 1950 h 2575"/>
              <a:gd name="T80" fmla="*/ 3531 w 4120"/>
              <a:gd name="T81" fmla="*/ 1950 h 2575"/>
              <a:gd name="T82" fmla="*/ 4090 w 4120"/>
              <a:gd name="T83" fmla="*/ 1285 h 2575"/>
              <a:gd name="T84" fmla="*/ 4090 w 4120"/>
              <a:gd name="T85" fmla="*/ 1285 h 2575"/>
              <a:gd name="T86" fmla="*/ 3425 w 4120"/>
              <a:gd name="T87" fmla="*/ 726 h 2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4120" h="2575">
                <a:moveTo>
                  <a:pt x="1975" y="1146"/>
                </a:moveTo>
                <a:lnTo>
                  <a:pt x="1975" y="1146"/>
                </a:lnTo>
                <a:cubicBezTo>
                  <a:pt x="1983" y="1138"/>
                  <a:pt x="1990" y="1129"/>
                  <a:pt x="1997" y="1122"/>
                </a:cubicBezTo>
                <a:lnTo>
                  <a:pt x="1997" y="1122"/>
                </a:lnTo>
                <a:cubicBezTo>
                  <a:pt x="2008" y="1139"/>
                  <a:pt x="2020" y="1155"/>
                  <a:pt x="2033" y="1171"/>
                </a:cubicBezTo>
                <a:lnTo>
                  <a:pt x="2033" y="1171"/>
                </a:lnTo>
                <a:cubicBezTo>
                  <a:pt x="2014" y="1162"/>
                  <a:pt x="1995" y="1153"/>
                  <a:pt x="1975" y="1146"/>
                </a:cubicBezTo>
                <a:close/>
                <a:moveTo>
                  <a:pt x="3425" y="726"/>
                </a:moveTo>
                <a:lnTo>
                  <a:pt x="3425" y="726"/>
                </a:lnTo>
                <a:cubicBezTo>
                  <a:pt x="3377" y="730"/>
                  <a:pt x="3330" y="740"/>
                  <a:pt x="3286" y="755"/>
                </a:cubicBezTo>
                <a:lnTo>
                  <a:pt x="3286" y="755"/>
                </a:lnTo>
                <a:cubicBezTo>
                  <a:pt x="3287" y="728"/>
                  <a:pt x="3286" y="700"/>
                  <a:pt x="3284" y="673"/>
                </a:cubicBezTo>
                <a:lnTo>
                  <a:pt x="3284" y="673"/>
                </a:lnTo>
                <a:cubicBezTo>
                  <a:pt x="3250" y="286"/>
                  <a:pt x="2910" y="0"/>
                  <a:pt x="2523" y="33"/>
                </a:cubicBezTo>
                <a:lnTo>
                  <a:pt x="2523" y="33"/>
                </a:lnTo>
                <a:cubicBezTo>
                  <a:pt x="2310" y="51"/>
                  <a:pt x="2128" y="163"/>
                  <a:pt x="2012" y="324"/>
                </a:cubicBezTo>
                <a:lnTo>
                  <a:pt x="2012" y="324"/>
                </a:lnTo>
                <a:cubicBezTo>
                  <a:pt x="1886" y="164"/>
                  <a:pt x="1684" y="69"/>
                  <a:pt x="1466" y="88"/>
                </a:cubicBezTo>
                <a:lnTo>
                  <a:pt x="1466" y="88"/>
                </a:lnTo>
                <a:cubicBezTo>
                  <a:pt x="1201" y="111"/>
                  <a:pt x="989" y="295"/>
                  <a:pt x="917" y="535"/>
                </a:cubicBezTo>
                <a:lnTo>
                  <a:pt x="917" y="535"/>
                </a:lnTo>
                <a:cubicBezTo>
                  <a:pt x="838" y="513"/>
                  <a:pt x="754" y="504"/>
                  <a:pt x="667" y="512"/>
                </a:cubicBezTo>
                <a:lnTo>
                  <a:pt x="667" y="512"/>
                </a:lnTo>
                <a:cubicBezTo>
                  <a:pt x="284" y="544"/>
                  <a:pt x="0" y="881"/>
                  <a:pt x="33" y="1264"/>
                </a:cubicBezTo>
                <a:lnTo>
                  <a:pt x="33" y="1264"/>
                </a:lnTo>
                <a:cubicBezTo>
                  <a:pt x="66" y="1648"/>
                  <a:pt x="403" y="1932"/>
                  <a:pt x="786" y="1899"/>
                </a:cubicBezTo>
                <a:lnTo>
                  <a:pt x="786" y="1899"/>
                </a:lnTo>
                <a:cubicBezTo>
                  <a:pt x="857" y="1892"/>
                  <a:pt x="925" y="1876"/>
                  <a:pt x="988" y="1850"/>
                </a:cubicBezTo>
                <a:lnTo>
                  <a:pt x="988" y="1850"/>
                </a:lnTo>
                <a:cubicBezTo>
                  <a:pt x="988" y="1861"/>
                  <a:pt x="989" y="1871"/>
                  <a:pt x="990" y="1881"/>
                </a:cubicBezTo>
                <a:lnTo>
                  <a:pt x="990" y="1881"/>
                </a:lnTo>
                <a:cubicBezTo>
                  <a:pt x="1024" y="2279"/>
                  <a:pt x="1375" y="2574"/>
                  <a:pt x="1773" y="2540"/>
                </a:cubicBezTo>
                <a:lnTo>
                  <a:pt x="1773" y="2540"/>
                </a:lnTo>
                <a:cubicBezTo>
                  <a:pt x="2004" y="2520"/>
                  <a:pt x="2201" y="2393"/>
                  <a:pt x="2318" y="2212"/>
                </a:cubicBezTo>
                <a:lnTo>
                  <a:pt x="2318" y="2212"/>
                </a:lnTo>
                <a:cubicBezTo>
                  <a:pt x="2440" y="2308"/>
                  <a:pt x="2597" y="2359"/>
                  <a:pt x="2763" y="2345"/>
                </a:cubicBezTo>
                <a:lnTo>
                  <a:pt x="2763" y="2345"/>
                </a:lnTo>
                <a:cubicBezTo>
                  <a:pt x="3018" y="2323"/>
                  <a:pt x="3224" y="2153"/>
                  <a:pt x="3306" y="1927"/>
                </a:cubicBezTo>
                <a:lnTo>
                  <a:pt x="3306" y="1927"/>
                </a:lnTo>
                <a:cubicBezTo>
                  <a:pt x="3377" y="1948"/>
                  <a:pt x="3453" y="1957"/>
                  <a:pt x="3531" y="1950"/>
                </a:cubicBezTo>
                <a:lnTo>
                  <a:pt x="3531" y="1950"/>
                </a:lnTo>
                <a:cubicBezTo>
                  <a:pt x="3869" y="1921"/>
                  <a:pt x="4119" y="1623"/>
                  <a:pt x="4090" y="1285"/>
                </a:cubicBezTo>
                <a:lnTo>
                  <a:pt x="4090" y="1285"/>
                </a:lnTo>
                <a:cubicBezTo>
                  <a:pt x="4061" y="947"/>
                  <a:pt x="3763" y="696"/>
                  <a:pt x="3425" y="726"/>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9" name="Freeform 8">
            <a:extLst>
              <a:ext uri="{FF2B5EF4-FFF2-40B4-BE49-F238E27FC236}">
                <a16:creationId xmlns:a16="http://schemas.microsoft.com/office/drawing/2014/main" id="{6DE17EBA-9AC5-40DC-885A-4FD34FD3B7DC}"/>
              </a:ext>
            </a:extLst>
          </p:cNvPr>
          <p:cNvSpPr>
            <a:spLocks noChangeArrowheads="1"/>
          </p:cNvSpPr>
          <p:nvPr/>
        </p:nvSpPr>
        <p:spPr bwMode="auto">
          <a:xfrm>
            <a:off x="5529415" y="4321541"/>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0" name="Freeform 785">
            <a:extLst>
              <a:ext uri="{FF2B5EF4-FFF2-40B4-BE49-F238E27FC236}">
                <a16:creationId xmlns:a16="http://schemas.microsoft.com/office/drawing/2014/main" id="{B3B40EA0-45CB-4A28-98EE-3BA8D440EBBB}"/>
              </a:ext>
            </a:extLst>
          </p:cNvPr>
          <p:cNvSpPr>
            <a:spLocks noChangeArrowheads="1"/>
          </p:cNvSpPr>
          <p:nvPr/>
        </p:nvSpPr>
        <p:spPr bwMode="auto">
          <a:xfrm>
            <a:off x="2788297" y="4057415"/>
            <a:ext cx="3860762" cy="1096165"/>
          </a:xfrm>
          <a:custGeom>
            <a:avLst/>
            <a:gdLst>
              <a:gd name="connsiteX0" fmla="*/ 4848261 w 9685803"/>
              <a:gd name="connsiteY0" fmla="*/ 0 h 2750037"/>
              <a:gd name="connsiteX1" fmla="*/ 5207572 w 9685803"/>
              <a:gd name="connsiteY1" fmla="*/ 986748 h 2750037"/>
              <a:gd name="connsiteX2" fmla="*/ 5281375 w 9685803"/>
              <a:gd name="connsiteY2" fmla="*/ 979303 h 2750037"/>
              <a:gd name="connsiteX3" fmla="*/ 5844912 w 9685803"/>
              <a:gd name="connsiteY3" fmla="*/ 1542986 h 2750037"/>
              <a:gd name="connsiteX4" fmla="*/ 5804426 w 9685803"/>
              <a:gd name="connsiteY4" fmla="*/ 1750692 h 2750037"/>
              <a:gd name="connsiteX5" fmla="*/ 6114253 w 9685803"/>
              <a:gd name="connsiteY5" fmla="*/ 1993273 h 2750037"/>
              <a:gd name="connsiteX6" fmla="*/ 6114807 w 9685803"/>
              <a:gd name="connsiteY6" fmla="*/ 1996252 h 2750037"/>
              <a:gd name="connsiteX7" fmla="*/ 6141905 w 9685803"/>
              <a:gd name="connsiteY7" fmla="*/ 1960187 h 2750037"/>
              <a:gd name="connsiteX8" fmla="*/ 6700539 w 9685803"/>
              <a:gd name="connsiteY8" fmla="*/ 1705127 h 2750037"/>
              <a:gd name="connsiteX9" fmla="*/ 7074269 w 9685803"/>
              <a:gd name="connsiteY9" fmla="*/ 1806327 h 2750037"/>
              <a:gd name="connsiteX10" fmla="*/ 7906667 w 9685803"/>
              <a:gd name="connsiteY10" fmla="*/ 1152121 h 2750037"/>
              <a:gd name="connsiteX11" fmla="*/ 8763893 w 9685803"/>
              <a:gd name="connsiteY11" fmla="*/ 2008726 h 2750037"/>
              <a:gd name="connsiteX12" fmla="*/ 8756053 w 9685803"/>
              <a:gd name="connsiteY12" fmla="*/ 2128860 h 2750037"/>
              <a:gd name="connsiteX13" fmla="*/ 8900449 w 9685803"/>
              <a:gd name="connsiteY13" fmla="*/ 2115802 h 2750037"/>
              <a:gd name="connsiteX14" fmla="*/ 9685803 w 9685803"/>
              <a:gd name="connsiteY14" fmla="*/ 2747156 h 2750037"/>
              <a:gd name="connsiteX15" fmla="*/ 6369959 w 9685803"/>
              <a:gd name="connsiteY15" fmla="*/ 2747156 h 2750037"/>
              <a:gd name="connsiteX16" fmla="*/ 6370575 w 9685803"/>
              <a:gd name="connsiteY16" fmla="*/ 2750037 h 2750037"/>
              <a:gd name="connsiteX17" fmla="*/ 4328651 w 9685803"/>
              <a:gd name="connsiteY17" fmla="*/ 2750037 h 2750037"/>
              <a:gd name="connsiteX18" fmla="*/ 4328650 w 9685803"/>
              <a:gd name="connsiteY18" fmla="*/ 2750036 h 2750037"/>
              <a:gd name="connsiteX19" fmla="*/ 3127922 w 9685803"/>
              <a:gd name="connsiteY19" fmla="*/ 2750036 h 2750037"/>
              <a:gd name="connsiteX20" fmla="*/ 3127497 w 9685803"/>
              <a:gd name="connsiteY20" fmla="*/ 2747155 h 2750037"/>
              <a:gd name="connsiteX21" fmla="*/ 0 w 9685803"/>
              <a:gd name="connsiteY21" fmla="*/ 2747155 h 2750037"/>
              <a:gd name="connsiteX22" fmla="*/ 780641 w 9685803"/>
              <a:gd name="connsiteY22" fmla="*/ 1985183 h 2750037"/>
              <a:gd name="connsiteX23" fmla="*/ 1079179 w 9685803"/>
              <a:gd name="connsiteY23" fmla="*/ 2033500 h 2750037"/>
              <a:gd name="connsiteX24" fmla="*/ 1610276 w 9685803"/>
              <a:gd name="connsiteY24" fmla="*/ 1540537 h 2750037"/>
              <a:gd name="connsiteX25" fmla="*/ 1872885 w 9685803"/>
              <a:gd name="connsiteY25" fmla="*/ 1599953 h 2750037"/>
              <a:gd name="connsiteX26" fmla="*/ 2552925 w 9685803"/>
              <a:gd name="connsiteY26" fmla="*/ 1184036 h 2750037"/>
              <a:gd name="connsiteX27" fmla="*/ 3225524 w 9685803"/>
              <a:gd name="connsiteY27" fmla="*/ 1518562 h 2750037"/>
              <a:gd name="connsiteX28" fmla="*/ 3260022 w 9685803"/>
              <a:gd name="connsiteY28" fmla="*/ 1578192 h 2750037"/>
              <a:gd name="connsiteX29" fmla="*/ 3295691 w 9685803"/>
              <a:gd name="connsiteY29" fmla="*/ 1419747 h 2750037"/>
              <a:gd name="connsiteX30" fmla="*/ 3638317 w 9685803"/>
              <a:gd name="connsiteY30" fmla="*/ 1154705 h 2750037"/>
              <a:gd name="connsiteX31" fmla="*/ 3801997 w 9685803"/>
              <a:gd name="connsiteY31" fmla="*/ 1179438 h 2750037"/>
              <a:gd name="connsiteX32" fmla="*/ 3824926 w 9685803"/>
              <a:gd name="connsiteY32" fmla="*/ 1191256 h 2750037"/>
              <a:gd name="connsiteX33" fmla="*/ 4161425 w 9685803"/>
              <a:gd name="connsiteY33" fmla="*/ 51574 h 2750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9685803" h="2750037">
                <a:moveTo>
                  <a:pt x="4848261" y="0"/>
                </a:moveTo>
                <a:lnTo>
                  <a:pt x="5207572" y="986748"/>
                </a:lnTo>
                <a:lnTo>
                  <a:pt x="5281375" y="979303"/>
                </a:lnTo>
                <a:cubicBezTo>
                  <a:pt x="5592855" y="979303"/>
                  <a:pt x="5844912" y="1231425"/>
                  <a:pt x="5844912" y="1542986"/>
                </a:cubicBezTo>
                <a:cubicBezTo>
                  <a:pt x="5844912" y="1616140"/>
                  <a:pt x="5830546" y="1686029"/>
                  <a:pt x="5804426" y="1750692"/>
                </a:cubicBezTo>
                <a:cubicBezTo>
                  <a:pt x="5946453" y="1768818"/>
                  <a:pt x="6064238" y="1864099"/>
                  <a:pt x="6114253" y="1993273"/>
                </a:cubicBezTo>
                <a:lnTo>
                  <a:pt x="6114807" y="1996252"/>
                </a:lnTo>
                <a:lnTo>
                  <a:pt x="6141905" y="1960187"/>
                </a:lnTo>
                <a:cubicBezTo>
                  <a:pt x="6277399" y="1803919"/>
                  <a:pt x="6477576" y="1705127"/>
                  <a:pt x="6700539" y="1705127"/>
                </a:cubicBezTo>
                <a:cubicBezTo>
                  <a:pt x="6837095" y="1705127"/>
                  <a:pt x="6964502" y="1741690"/>
                  <a:pt x="7074269" y="1806327"/>
                </a:cubicBezTo>
                <a:cubicBezTo>
                  <a:pt x="7165088" y="1430909"/>
                  <a:pt x="7503536" y="1152121"/>
                  <a:pt x="7906667" y="1152121"/>
                </a:cubicBezTo>
                <a:cubicBezTo>
                  <a:pt x="8380363" y="1152121"/>
                  <a:pt x="8763893" y="1535373"/>
                  <a:pt x="8763893" y="2008726"/>
                </a:cubicBezTo>
                <a:cubicBezTo>
                  <a:pt x="8763893" y="2049206"/>
                  <a:pt x="8761279" y="2089686"/>
                  <a:pt x="8756053" y="2128860"/>
                </a:cubicBezTo>
                <a:cubicBezTo>
                  <a:pt x="8802443" y="2120372"/>
                  <a:pt x="8850791" y="2115802"/>
                  <a:pt x="8900449" y="2115802"/>
                </a:cubicBezTo>
                <a:cubicBezTo>
                  <a:pt x="9285939" y="2115802"/>
                  <a:pt x="9607399" y="2386102"/>
                  <a:pt x="9685803" y="2747156"/>
                </a:cubicBezTo>
                <a:lnTo>
                  <a:pt x="6369959" y="2747156"/>
                </a:lnTo>
                <a:lnTo>
                  <a:pt x="6370575" y="2750037"/>
                </a:lnTo>
                <a:lnTo>
                  <a:pt x="4328651" y="2750037"/>
                </a:lnTo>
                <a:lnTo>
                  <a:pt x="4328650" y="2750036"/>
                </a:lnTo>
                <a:lnTo>
                  <a:pt x="3127922" y="2750036"/>
                </a:lnTo>
                <a:lnTo>
                  <a:pt x="3127497" y="2747155"/>
                </a:lnTo>
                <a:lnTo>
                  <a:pt x="0" y="2747155"/>
                </a:lnTo>
                <a:cubicBezTo>
                  <a:pt x="20251" y="2331890"/>
                  <a:pt x="357984" y="1996283"/>
                  <a:pt x="780641" y="1985183"/>
                </a:cubicBezTo>
                <a:cubicBezTo>
                  <a:pt x="885815" y="1982572"/>
                  <a:pt x="986417" y="2000201"/>
                  <a:pt x="1079179" y="2033500"/>
                </a:cubicBezTo>
                <a:cubicBezTo>
                  <a:pt x="1105963" y="1763186"/>
                  <a:pt x="1330683" y="1548372"/>
                  <a:pt x="1610276" y="1540537"/>
                </a:cubicBezTo>
                <a:cubicBezTo>
                  <a:pt x="1704998" y="1538578"/>
                  <a:pt x="1794495" y="1560125"/>
                  <a:pt x="1872885" y="1599953"/>
                </a:cubicBezTo>
                <a:cubicBezTo>
                  <a:pt x="2005496" y="1358369"/>
                  <a:pt x="2258306" y="1191871"/>
                  <a:pt x="2552925" y="1184036"/>
                </a:cubicBezTo>
                <a:cubicBezTo>
                  <a:pt x="2828926" y="1176690"/>
                  <a:pt x="3076091" y="1309878"/>
                  <a:pt x="3225524" y="1518562"/>
                </a:cubicBezTo>
                <a:lnTo>
                  <a:pt x="3260022" y="1578192"/>
                </a:lnTo>
                <a:lnTo>
                  <a:pt x="3295691" y="1419747"/>
                </a:lnTo>
                <a:cubicBezTo>
                  <a:pt x="3355748" y="1272052"/>
                  <a:pt x="3483632" y="1165975"/>
                  <a:pt x="3638317" y="1154705"/>
                </a:cubicBezTo>
                <a:cubicBezTo>
                  <a:pt x="3695427" y="1150459"/>
                  <a:pt x="3750782" y="1159482"/>
                  <a:pt x="3801997" y="1179438"/>
                </a:cubicBezTo>
                <a:lnTo>
                  <a:pt x="3824926" y="1191256"/>
                </a:lnTo>
                <a:lnTo>
                  <a:pt x="4161425" y="51574"/>
                </a:ln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sp>
        <p:nvSpPr>
          <p:cNvPr id="11" name="Freeform 7">
            <a:extLst>
              <a:ext uri="{FF2B5EF4-FFF2-40B4-BE49-F238E27FC236}">
                <a16:creationId xmlns:a16="http://schemas.microsoft.com/office/drawing/2014/main" id="{A9BC6F58-6A86-4255-BDD9-B726A8E7D62E}"/>
              </a:ext>
            </a:extLst>
          </p:cNvPr>
          <p:cNvSpPr>
            <a:spLocks noChangeArrowheads="1"/>
          </p:cNvSpPr>
          <p:nvPr/>
        </p:nvSpPr>
        <p:spPr bwMode="auto">
          <a:xfrm>
            <a:off x="768400" y="1660064"/>
            <a:ext cx="1072315" cy="670484"/>
          </a:xfrm>
          <a:custGeom>
            <a:avLst/>
            <a:gdLst>
              <a:gd name="T0" fmla="*/ 1975 w 4120"/>
              <a:gd name="T1" fmla="*/ 1146 h 2575"/>
              <a:gd name="T2" fmla="*/ 1975 w 4120"/>
              <a:gd name="T3" fmla="*/ 1146 h 2575"/>
              <a:gd name="T4" fmla="*/ 1997 w 4120"/>
              <a:gd name="T5" fmla="*/ 1122 h 2575"/>
              <a:gd name="T6" fmla="*/ 1997 w 4120"/>
              <a:gd name="T7" fmla="*/ 1122 h 2575"/>
              <a:gd name="T8" fmla="*/ 2033 w 4120"/>
              <a:gd name="T9" fmla="*/ 1171 h 2575"/>
              <a:gd name="T10" fmla="*/ 2033 w 4120"/>
              <a:gd name="T11" fmla="*/ 1171 h 2575"/>
              <a:gd name="T12" fmla="*/ 1975 w 4120"/>
              <a:gd name="T13" fmla="*/ 1146 h 2575"/>
              <a:gd name="T14" fmla="*/ 3425 w 4120"/>
              <a:gd name="T15" fmla="*/ 726 h 2575"/>
              <a:gd name="T16" fmla="*/ 3425 w 4120"/>
              <a:gd name="T17" fmla="*/ 726 h 2575"/>
              <a:gd name="T18" fmla="*/ 3286 w 4120"/>
              <a:gd name="T19" fmla="*/ 755 h 2575"/>
              <a:gd name="T20" fmla="*/ 3286 w 4120"/>
              <a:gd name="T21" fmla="*/ 755 h 2575"/>
              <a:gd name="T22" fmla="*/ 3284 w 4120"/>
              <a:gd name="T23" fmla="*/ 673 h 2575"/>
              <a:gd name="T24" fmla="*/ 3284 w 4120"/>
              <a:gd name="T25" fmla="*/ 673 h 2575"/>
              <a:gd name="T26" fmla="*/ 2523 w 4120"/>
              <a:gd name="T27" fmla="*/ 33 h 2575"/>
              <a:gd name="T28" fmla="*/ 2523 w 4120"/>
              <a:gd name="T29" fmla="*/ 33 h 2575"/>
              <a:gd name="T30" fmla="*/ 2012 w 4120"/>
              <a:gd name="T31" fmla="*/ 324 h 2575"/>
              <a:gd name="T32" fmla="*/ 2012 w 4120"/>
              <a:gd name="T33" fmla="*/ 324 h 2575"/>
              <a:gd name="T34" fmla="*/ 1466 w 4120"/>
              <a:gd name="T35" fmla="*/ 88 h 2575"/>
              <a:gd name="T36" fmla="*/ 1466 w 4120"/>
              <a:gd name="T37" fmla="*/ 88 h 2575"/>
              <a:gd name="T38" fmla="*/ 917 w 4120"/>
              <a:gd name="T39" fmla="*/ 535 h 2575"/>
              <a:gd name="T40" fmla="*/ 917 w 4120"/>
              <a:gd name="T41" fmla="*/ 535 h 2575"/>
              <a:gd name="T42" fmla="*/ 667 w 4120"/>
              <a:gd name="T43" fmla="*/ 512 h 2575"/>
              <a:gd name="T44" fmla="*/ 667 w 4120"/>
              <a:gd name="T45" fmla="*/ 512 h 2575"/>
              <a:gd name="T46" fmla="*/ 33 w 4120"/>
              <a:gd name="T47" fmla="*/ 1264 h 2575"/>
              <a:gd name="T48" fmla="*/ 33 w 4120"/>
              <a:gd name="T49" fmla="*/ 1264 h 2575"/>
              <a:gd name="T50" fmla="*/ 786 w 4120"/>
              <a:gd name="T51" fmla="*/ 1899 h 2575"/>
              <a:gd name="T52" fmla="*/ 786 w 4120"/>
              <a:gd name="T53" fmla="*/ 1899 h 2575"/>
              <a:gd name="T54" fmla="*/ 988 w 4120"/>
              <a:gd name="T55" fmla="*/ 1850 h 2575"/>
              <a:gd name="T56" fmla="*/ 988 w 4120"/>
              <a:gd name="T57" fmla="*/ 1850 h 2575"/>
              <a:gd name="T58" fmla="*/ 990 w 4120"/>
              <a:gd name="T59" fmla="*/ 1881 h 2575"/>
              <a:gd name="T60" fmla="*/ 990 w 4120"/>
              <a:gd name="T61" fmla="*/ 1881 h 2575"/>
              <a:gd name="T62" fmla="*/ 1773 w 4120"/>
              <a:gd name="T63" fmla="*/ 2540 h 2575"/>
              <a:gd name="T64" fmla="*/ 1773 w 4120"/>
              <a:gd name="T65" fmla="*/ 2540 h 2575"/>
              <a:gd name="T66" fmla="*/ 2318 w 4120"/>
              <a:gd name="T67" fmla="*/ 2212 h 2575"/>
              <a:gd name="T68" fmla="*/ 2318 w 4120"/>
              <a:gd name="T69" fmla="*/ 2212 h 2575"/>
              <a:gd name="T70" fmla="*/ 2763 w 4120"/>
              <a:gd name="T71" fmla="*/ 2345 h 2575"/>
              <a:gd name="T72" fmla="*/ 2763 w 4120"/>
              <a:gd name="T73" fmla="*/ 2345 h 2575"/>
              <a:gd name="T74" fmla="*/ 3306 w 4120"/>
              <a:gd name="T75" fmla="*/ 1927 h 2575"/>
              <a:gd name="T76" fmla="*/ 3306 w 4120"/>
              <a:gd name="T77" fmla="*/ 1927 h 2575"/>
              <a:gd name="T78" fmla="*/ 3531 w 4120"/>
              <a:gd name="T79" fmla="*/ 1950 h 2575"/>
              <a:gd name="T80" fmla="*/ 3531 w 4120"/>
              <a:gd name="T81" fmla="*/ 1950 h 2575"/>
              <a:gd name="T82" fmla="*/ 4090 w 4120"/>
              <a:gd name="T83" fmla="*/ 1285 h 2575"/>
              <a:gd name="T84" fmla="*/ 4090 w 4120"/>
              <a:gd name="T85" fmla="*/ 1285 h 2575"/>
              <a:gd name="T86" fmla="*/ 3425 w 4120"/>
              <a:gd name="T87" fmla="*/ 726 h 2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4120" h="2575">
                <a:moveTo>
                  <a:pt x="1975" y="1146"/>
                </a:moveTo>
                <a:lnTo>
                  <a:pt x="1975" y="1146"/>
                </a:lnTo>
                <a:cubicBezTo>
                  <a:pt x="1983" y="1138"/>
                  <a:pt x="1990" y="1129"/>
                  <a:pt x="1997" y="1122"/>
                </a:cubicBezTo>
                <a:lnTo>
                  <a:pt x="1997" y="1122"/>
                </a:lnTo>
                <a:cubicBezTo>
                  <a:pt x="2008" y="1139"/>
                  <a:pt x="2020" y="1155"/>
                  <a:pt x="2033" y="1171"/>
                </a:cubicBezTo>
                <a:lnTo>
                  <a:pt x="2033" y="1171"/>
                </a:lnTo>
                <a:cubicBezTo>
                  <a:pt x="2014" y="1162"/>
                  <a:pt x="1995" y="1153"/>
                  <a:pt x="1975" y="1146"/>
                </a:cubicBezTo>
                <a:close/>
                <a:moveTo>
                  <a:pt x="3425" y="726"/>
                </a:moveTo>
                <a:lnTo>
                  <a:pt x="3425" y="726"/>
                </a:lnTo>
                <a:cubicBezTo>
                  <a:pt x="3377" y="730"/>
                  <a:pt x="3330" y="740"/>
                  <a:pt x="3286" y="755"/>
                </a:cubicBezTo>
                <a:lnTo>
                  <a:pt x="3286" y="755"/>
                </a:lnTo>
                <a:cubicBezTo>
                  <a:pt x="3287" y="728"/>
                  <a:pt x="3286" y="700"/>
                  <a:pt x="3284" y="673"/>
                </a:cubicBezTo>
                <a:lnTo>
                  <a:pt x="3284" y="673"/>
                </a:lnTo>
                <a:cubicBezTo>
                  <a:pt x="3250" y="286"/>
                  <a:pt x="2910" y="0"/>
                  <a:pt x="2523" y="33"/>
                </a:cubicBezTo>
                <a:lnTo>
                  <a:pt x="2523" y="33"/>
                </a:lnTo>
                <a:cubicBezTo>
                  <a:pt x="2310" y="51"/>
                  <a:pt x="2128" y="163"/>
                  <a:pt x="2012" y="324"/>
                </a:cubicBezTo>
                <a:lnTo>
                  <a:pt x="2012" y="324"/>
                </a:lnTo>
                <a:cubicBezTo>
                  <a:pt x="1886" y="164"/>
                  <a:pt x="1684" y="69"/>
                  <a:pt x="1466" y="88"/>
                </a:cubicBezTo>
                <a:lnTo>
                  <a:pt x="1466" y="88"/>
                </a:lnTo>
                <a:cubicBezTo>
                  <a:pt x="1201" y="111"/>
                  <a:pt x="989" y="295"/>
                  <a:pt x="917" y="535"/>
                </a:cubicBezTo>
                <a:lnTo>
                  <a:pt x="917" y="535"/>
                </a:lnTo>
                <a:cubicBezTo>
                  <a:pt x="838" y="513"/>
                  <a:pt x="754" y="504"/>
                  <a:pt x="667" y="512"/>
                </a:cubicBezTo>
                <a:lnTo>
                  <a:pt x="667" y="512"/>
                </a:lnTo>
                <a:cubicBezTo>
                  <a:pt x="284" y="544"/>
                  <a:pt x="0" y="881"/>
                  <a:pt x="33" y="1264"/>
                </a:cubicBezTo>
                <a:lnTo>
                  <a:pt x="33" y="1264"/>
                </a:lnTo>
                <a:cubicBezTo>
                  <a:pt x="66" y="1648"/>
                  <a:pt x="403" y="1932"/>
                  <a:pt x="786" y="1899"/>
                </a:cubicBezTo>
                <a:lnTo>
                  <a:pt x="786" y="1899"/>
                </a:lnTo>
                <a:cubicBezTo>
                  <a:pt x="857" y="1892"/>
                  <a:pt x="925" y="1876"/>
                  <a:pt x="988" y="1850"/>
                </a:cubicBezTo>
                <a:lnTo>
                  <a:pt x="988" y="1850"/>
                </a:lnTo>
                <a:cubicBezTo>
                  <a:pt x="988" y="1861"/>
                  <a:pt x="989" y="1871"/>
                  <a:pt x="990" y="1881"/>
                </a:cubicBezTo>
                <a:lnTo>
                  <a:pt x="990" y="1881"/>
                </a:lnTo>
                <a:cubicBezTo>
                  <a:pt x="1024" y="2279"/>
                  <a:pt x="1375" y="2574"/>
                  <a:pt x="1773" y="2540"/>
                </a:cubicBezTo>
                <a:lnTo>
                  <a:pt x="1773" y="2540"/>
                </a:lnTo>
                <a:cubicBezTo>
                  <a:pt x="2004" y="2520"/>
                  <a:pt x="2201" y="2393"/>
                  <a:pt x="2318" y="2212"/>
                </a:cubicBezTo>
                <a:lnTo>
                  <a:pt x="2318" y="2212"/>
                </a:lnTo>
                <a:cubicBezTo>
                  <a:pt x="2440" y="2308"/>
                  <a:pt x="2597" y="2359"/>
                  <a:pt x="2763" y="2345"/>
                </a:cubicBezTo>
                <a:lnTo>
                  <a:pt x="2763" y="2345"/>
                </a:lnTo>
                <a:cubicBezTo>
                  <a:pt x="3018" y="2323"/>
                  <a:pt x="3224" y="2153"/>
                  <a:pt x="3306" y="1927"/>
                </a:cubicBezTo>
                <a:lnTo>
                  <a:pt x="3306" y="1927"/>
                </a:lnTo>
                <a:cubicBezTo>
                  <a:pt x="3377" y="1948"/>
                  <a:pt x="3453" y="1957"/>
                  <a:pt x="3531" y="1950"/>
                </a:cubicBezTo>
                <a:lnTo>
                  <a:pt x="3531" y="1950"/>
                </a:lnTo>
                <a:cubicBezTo>
                  <a:pt x="3869" y="1921"/>
                  <a:pt x="4119" y="1623"/>
                  <a:pt x="4090" y="1285"/>
                </a:cubicBezTo>
                <a:lnTo>
                  <a:pt x="4090" y="1285"/>
                </a:lnTo>
                <a:cubicBezTo>
                  <a:pt x="4061" y="947"/>
                  <a:pt x="3763" y="696"/>
                  <a:pt x="3425" y="726"/>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2" name="Freeform 6">
            <a:extLst>
              <a:ext uri="{FF2B5EF4-FFF2-40B4-BE49-F238E27FC236}">
                <a16:creationId xmlns:a16="http://schemas.microsoft.com/office/drawing/2014/main" id="{5F799425-0317-4462-B01C-773DB9E874AF}"/>
              </a:ext>
            </a:extLst>
          </p:cNvPr>
          <p:cNvSpPr>
            <a:spLocks noChangeArrowheads="1"/>
          </p:cNvSpPr>
          <p:nvPr/>
        </p:nvSpPr>
        <p:spPr bwMode="auto">
          <a:xfrm>
            <a:off x="7391953" y="1856595"/>
            <a:ext cx="1258305" cy="910434"/>
          </a:xfrm>
          <a:custGeom>
            <a:avLst/>
            <a:gdLst>
              <a:gd name="T0" fmla="*/ 3867 w 4832"/>
              <a:gd name="T1" fmla="*/ 641 h 3495"/>
              <a:gd name="T2" fmla="*/ 3867 w 4832"/>
              <a:gd name="T3" fmla="*/ 641 h 3495"/>
              <a:gd name="T4" fmla="*/ 2850 w 4832"/>
              <a:gd name="T5" fmla="*/ 35 h 3495"/>
              <a:gd name="T6" fmla="*/ 2850 w 4832"/>
              <a:gd name="T7" fmla="*/ 35 h 3495"/>
              <a:gd name="T8" fmla="*/ 2004 w 4832"/>
              <a:gd name="T9" fmla="*/ 571 h 3495"/>
              <a:gd name="T10" fmla="*/ 2004 w 4832"/>
              <a:gd name="T11" fmla="*/ 571 h 3495"/>
              <a:gd name="T12" fmla="*/ 1398 w 4832"/>
              <a:gd name="T13" fmla="*/ 340 h 3495"/>
              <a:gd name="T14" fmla="*/ 1398 w 4832"/>
              <a:gd name="T15" fmla="*/ 340 h 3495"/>
              <a:gd name="T16" fmla="*/ 735 w 4832"/>
              <a:gd name="T17" fmla="*/ 1022 h 3495"/>
              <a:gd name="T18" fmla="*/ 735 w 4832"/>
              <a:gd name="T19" fmla="*/ 1022 h 3495"/>
              <a:gd name="T20" fmla="*/ 750 w 4832"/>
              <a:gd name="T21" fmla="*/ 1111 h 3495"/>
              <a:gd name="T22" fmla="*/ 750 w 4832"/>
              <a:gd name="T23" fmla="*/ 1111 h 3495"/>
              <a:gd name="T24" fmla="*/ 742 w 4832"/>
              <a:gd name="T25" fmla="*/ 1111 h 3495"/>
              <a:gd name="T26" fmla="*/ 742 w 4832"/>
              <a:gd name="T27" fmla="*/ 1111 h 3495"/>
              <a:gd name="T28" fmla="*/ 28 w 4832"/>
              <a:gd name="T29" fmla="*/ 1846 h 3495"/>
              <a:gd name="T30" fmla="*/ 28 w 4832"/>
              <a:gd name="T31" fmla="*/ 1846 h 3495"/>
              <a:gd name="T32" fmla="*/ 842 w 4832"/>
              <a:gd name="T33" fmla="*/ 2466 h 3495"/>
              <a:gd name="T34" fmla="*/ 842 w 4832"/>
              <a:gd name="T35" fmla="*/ 2466 h 3495"/>
              <a:gd name="T36" fmla="*/ 1059 w 4832"/>
              <a:gd name="T37" fmla="*/ 2422 h 3495"/>
              <a:gd name="T38" fmla="*/ 1059 w 4832"/>
              <a:gd name="T39" fmla="*/ 2422 h 3495"/>
              <a:gd name="T40" fmla="*/ 1060 w 4832"/>
              <a:gd name="T41" fmla="*/ 2451 h 3495"/>
              <a:gd name="T42" fmla="*/ 1060 w 4832"/>
              <a:gd name="T43" fmla="*/ 2451 h 3495"/>
              <a:gd name="T44" fmla="*/ 2362 w 4832"/>
              <a:gd name="T45" fmla="*/ 3444 h 3495"/>
              <a:gd name="T46" fmla="*/ 2362 w 4832"/>
              <a:gd name="T47" fmla="*/ 3444 h 3495"/>
              <a:gd name="T48" fmla="*/ 3503 w 4832"/>
              <a:gd name="T49" fmla="*/ 2422 h 3495"/>
              <a:gd name="T50" fmla="*/ 3503 w 4832"/>
              <a:gd name="T51" fmla="*/ 2422 h 3495"/>
              <a:gd name="T52" fmla="*/ 3843 w 4832"/>
              <a:gd name="T53" fmla="*/ 2448 h 3495"/>
              <a:gd name="T54" fmla="*/ 3843 w 4832"/>
              <a:gd name="T55" fmla="*/ 2448 h 3495"/>
              <a:gd name="T56" fmla="*/ 4795 w 4832"/>
              <a:gd name="T57" fmla="*/ 1469 h 3495"/>
              <a:gd name="T58" fmla="*/ 4795 w 4832"/>
              <a:gd name="T59" fmla="*/ 1469 h 3495"/>
              <a:gd name="T60" fmla="*/ 3867 w 4832"/>
              <a:gd name="T61" fmla="*/ 641 h 34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832" h="3495">
                <a:moveTo>
                  <a:pt x="3867" y="641"/>
                </a:moveTo>
                <a:lnTo>
                  <a:pt x="3867" y="641"/>
                </a:lnTo>
                <a:cubicBezTo>
                  <a:pt x="3734" y="260"/>
                  <a:pt x="3320" y="0"/>
                  <a:pt x="2850" y="35"/>
                </a:cubicBezTo>
                <a:lnTo>
                  <a:pt x="2850" y="35"/>
                </a:lnTo>
                <a:cubicBezTo>
                  <a:pt x="2468" y="63"/>
                  <a:pt x="2150" y="279"/>
                  <a:pt x="2004" y="571"/>
                </a:cubicBezTo>
                <a:lnTo>
                  <a:pt x="2004" y="571"/>
                </a:lnTo>
                <a:cubicBezTo>
                  <a:pt x="1865" y="415"/>
                  <a:pt x="1642" y="322"/>
                  <a:pt x="1398" y="340"/>
                </a:cubicBezTo>
                <a:lnTo>
                  <a:pt x="1398" y="340"/>
                </a:lnTo>
                <a:cubicBezTo>
                  <a:pt x="1006" y="369"/>
                  <a:pt x="709" y="674"/>
                  <a:pt x="735" y="1022"/>
                </a:cubicBezTo>
                <a:lnTo>
                  <a:pt x="735" y="1022"/>
                </a:lnTo>
                <a:cubicBezTo>
                  <a:pt x="738" y="1053"/>
                  <a:pt x="743" y="1082"/>
                  <a:pt x="750" y="1111"/>
                </a:cubicBezTo>
                <a:lnTo>
                  <a:pt x="750" y="1111"/>
                </a:lnTo>
                <a:cubicBezTo>
                  <a:pt x="747" y="1111"/>
                  <a:pt x="745" y="1111"/>
                  <a:pt x="742" y="1111"/>
                </a:cubicBezTo>
                <a:lnTo>
                  <a:pt x="742" y="1111"/>
                </a:lnTo>
                <a:cubicBezTo>
                  <a:pt x="320" y="1143"/>
                  <a:pt x="0" y="1472"/>
                  <a:pt x="28" y="1846"/>
                </a:cubicBezTo>
                <a:lnTo>
                  <a:pt x="28" y="1846"/>
                </a:lnTo>
                <a:cubicBezTo>
                  <a:pt x="55" y="2220"/>
                  <a:pt x="420" y="2498"/>
                  <a:pt x="842" y="2466"/>
                </a:cubicBezTo>
                <a:lnTo>
                  <a:pt x="842" y="2466"/>
                </a:lnTo>
                <a:cubicBezTo>
                  <a:pt x="918" y="2461"/>
                  <a:pt x="991" y="2445"/>
                  <a:pt x="1059" y="2422"/>
                </a:cubicBezTo>
                <a:lnTo>
                  <a:pt x="1059" y="2422"/>
                </a:lnTo>
                <a:cubicBezTo>
                  <a:pt x="1059" y="2431"/>
                  <a:pt x="1059" y="2441"/>
                  <a:pt x="1060" y="2451"/>
                </a:cubicBezTo>
                <a:lnTo>
                  <a:pt x="1060" y="2451"/>
                </a:lnTo>
                <a:cubicBezTo>
                  <a:pt x="1104" y="3049"/>
                  <a:pt x="1687" y="3494"/>
                  <a:pt x="2362" y="3444"/>
                </a:cubicBezTo>
                <a:lnTo>
                  <a:pt x="2362" y="3444"/>
                </a:lnTo>
                <a:cubicBezTo>
                  <a:pt x="2979" y="3399"/>
                  <a:pt x="3459" y="2955"/>
                  <a:pt x="3503" y="2422"/>
                </a:cubicBezTo>
                <a:lnTo>
                  <a:pt x="3503" y="2422"/>
                </a:lnTo>
                <a:cubicBezTo>
                  <a:pt x="3611" y="2447"/>
                  <a:pt x="3725" y="2456"/>
                  <a:pt x="3843" y="2448"/>
                </a:cubicBezTo>
                <a:lnTo>
                  <a:pt x="3843" y="2448"/>
                </a:lnTo>
                <a:cubicBezTo>
                  <a:pt x="4405" y="2406"/>
                  <a:pt x="4831" y="1968"/>
                  <a:pt x="4795" y="1469"/>
                </a:cubicBezTo>
                <a:lnTo>
                  <a:pt x="4795" y="1469"/>
                </a:lnTo>
                <a:cubicBezTo>
                  <a:pt x="4761" y="1018"/>
                  <a:pt x="4360" y="672"/>
                  <a:pt x="3867" y="641"/>
                </a:cubicBezTo>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3" name="Freeform 3">
            <a:extLst>
              <a:ext uri="{FF2B5EF4-FFF2-40B4-BE49-F238E27FC236}">
                <a16:creationId xmlns:a16="http://schemas.microsoft.com/office/drawing/2014/main" id="{35433583-1C6E-4FC7-A30A-8F0AC53AFA9C}"/>
              </a:ext>
            </a:extLst>
          </p:cNvPr>
          <p:cNvSpPr>
            <a:spLocks noChangeArrowheads="1"/>
          </p:cNvSpPr>
          <p:nvPr/>
        </p:nvSpPr>
        <p:spPr bwMode="auto">
          <a:xfrm>
            <a:off x="695922" y="3117746"/>
            <a:ext cx="999986" cy="793329"/>
          </a:xfrm>
          <a:custGeom>
            <a:avLst/>
            <a:gdLst>
              <a:gd name="T0" fmla="*/ 3224 w 3840"/>
              <a:gd name="T1" fmla="*/ 983 h 3047"/>
              <a:gd name="T2" fmla="*/ 3224 w 3840"/>
              <a:gd name="T3" fmla="*/ 983 h 3047"/>
              <a:gd name="T4" fmla="*/ 3048 w 3840"/>
              <a:gd name="T5" fmla="*/ 1010 h 3047"/>
              <a:gd name="T6" fmla="*/ 3048 w 3840"/>
              <a:gd name="T7" fmla="*/ 1010 h 3047"/>
              <a:gd name="T8" fmla="*/ 3048 w 3840"/>
              <a:gd name="T9" fmla="*/ 983 h 3047"/>
              <a:gd name="T10" fmla="*/ 3048 w 3840"/>
              <a:gd name="T11" fmla="*/ 983 h 3047"/>
              <a:gd name="T12" fmla="*/ 2065 w 3840"/>
              <a:gd name="T13" fmla="*/ 0 h 3047"/>
              <a:gd name="T14" fmla="*/ 2065 w 3840"/>
              <a:gd name="T15" fmla="*/ 0 h 3047"/>
              <a:gd name="T16" fmla="*/ 1091 w 3840"/>
              <a:gd name="T17" fmla="*/ 847 h 3047"/>
              <a:gd name="T18" fmla="*/ 1091 w 3840"/>
              <a:gd name="T19" fmla="*/ 847 h 3047"/>
              <a:gd name="T20" fmla="*/ 820 w 3840"/>
              <a:gd name="T21" fmla="*/ 801 h 3047"/>
              <a:gd name="T22" fmla="*/ 820 w 3840"/>
              <a:gd name="T23" fmla="*/ 801 h 3047"/>
              <a:gd name="T24" fmla="*/ 0 w 3840"/>
              <a:gd name="T25" fmla="*/ 1621 h 3047"/>
              <a:gd name="T26" fmla="*/ 0 w 3840"/>
              <a:gd name="T27" fmla="*/ 1621 h 3047"/>
              <a:gd name="T28" fmla="*/ 694 w 3840"/>
              <a:gd name="T29" fmla="*/ 2431 h 3047"/>
              <a:gd name="T30" fmla="*/ 694 w 3840"/>
              <a:gd name="T31" fmla="*/ 2431 h 3047"/>
              <a:gd name="T32" fmla="*/ 1472 w 3840"/>
              <a:gd name="T33" fmla="*/ 3046 h 3047"/>
              <a:gd name="T34" fmla="*/ 1472 w 3840"/>
              <a:gd name="T35" fmla="*/ 3046 h 3047"/>
              <a:gd name="T36" fmla="*/ 2181 w 3840"/>
              <a:gd name="T37" fmla="*/ 2618 h 3047"/>
              <a:gd name="T38" fmla="*/ 2181 w 3840"/>
              <a:gd name="T39" fmla="*/ 2618 h 3047"/>
              <a:gd name="T40" fmla="*/ 2653 w 3840"/>
              <a:gd name="T41" fmla="*/ 2866 h 3047"/>
              <a:gd name="T42" fmla="*/ 2653 w 3840"/>
              <a:gd name="T43" fmla="*/ 2866 h 3047"/>
              <a:gd name="T44" fmla="*/ 3224 w 3840"/>
              <a:gd name="T45" fmla="*/ 2295 h 3047"/>
              <a:gd name="T46" fmla="*/ 3224 w 3840"/>
              <a:gd name="T47" fmla="*/ 2295 h 3047"/>
              <a:gd name="T48" fmla="*/ 3218 w 3840"/>
              <a:gd name="T49" fmla="*/ 2213 h 3047"/>
              <a:gd name="T50" fmla="*/ 3218 w 3840"/>
              <a:gd name="T51" fmla="*/ 2213 h 3047"/>
              <a:gd name="T52" fmla="*/ 3224 w 3840"/>
              <a:gd name="T53" fmla="*/ 2213 h 3047"/>
              <a:gd name="T54" fmla="*/ 3224 w 3840"/>
              <a:gd name="T55" fmla="*/ 2213 h 3047"/>
              <a:gd name="T56" fmla="*/ 3839 w 3840"/>
              <a:gd name="T57" fmla="*/ 1598 h 3047"/>
              <a:gd name="T58" fmla="*/ 3839 w 3840"/>
              <a:gd name="T59" fmla="*/ 1598 h 3047"/>
              <a:gd name="T60" fmla="*/ 3224 w 3840"/>
              <a:gd name="T61" fmla="*/ 983 h 30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3840" h="3047">
                <a:moveTo>
                  <a:pt x="3224" y="983"/>
                </a:moveTo>
                <a:lnTo>
                  <a:pt x="3224" y="983"/>
                </a:lnTo>
                <a:cubicBezTo>
                  <a:pt x="3163" y="983"/>
                  <a:pt x="3104" y="993"/>
                  <a:pt x="3048" y="1010"/>
                </a:cubicBezTo>
                <a:lnTo>
                  <a:pt x="3048" y="1010"/>
                </a:lnTo>
                <a:cubicBezTo>
                  <a:pt x="3048" y="1001"/>
                  <a:pt x="3048" y="992"/>
                  <a:pt x="3048" y="983"/>
                </a:cubicBezTo>
                <a:lnTo>
                  <a:pt x="3048" y="983"/>
                </a:lnTo>
                <a:cubicBezTo>
                  <a:pt x="3048" y="440"/>
                  <a:pt x="2608" y="0"/>
                  <a:pt x="2065" y="0"/>
                </a:cubicBezTo>
                <a:lnTo>
                  <a:pt x="2065" y="0"/>
                </a:lnTo>
                <a:cubicBezTo>
                  <a:pt x="1568" y="0"/>
                  <a:pt x="1157" y="369"/>
                  <a:pt x="1091" y="847"/>
                </a:cubicBezTo>
                <a:lnTo>
                  <a:pt x="1091" y="847"/>
                </a:lnTo>
                <a:cubicBezTo>
                  <a:pt x="1006" y="817"/>
                  <a:pt x="915" y="801"/>
                  <a:pt x="820" y="801"/>
                </a:cubicBezTo>
                <a:lnTo>
                  <a:pt x="820" y="801"/>
                </a:lnTo>
                <a:cubicBezTo>
                  <a:pt x="367" y="801"/>
                  <a:pt x="0" y="1168"/>
                  <a:pt x="0" y="1621"/>
                </a:cubicBezTo>
                <a:lnTo>
                  <a:pt x="0" y="1621"/>
                </a:lnTo>
                <a:cubicBezTo>
                  <a:pt x="0" y="2031"/>
                  <a:pt x="301" y="2370"/>
                  <a:pt x="694" y="2431"/>
                </a:cubicBezTo>
                <a:lnTo>
                  <a:pt x="694" y="2431"/>
                </a:lnTo>
                <a:cubicBezTo>
                  <a:pt x="779" y="2784"/>
                  <a:pt x="1094" y="3046"/>
                  <a:pt x="1472" y="3046"/>
                </a:cubicBezTo>
                <a:lnTo>
                  <a:pt x="1472" y="3046"/>
                </a:lnTo>
                <a:cubicBezTo>
                  <a:pt x="1780" y="3046"/>
                  <a:pt x="2047" y="2872"/>
                  <a:pt x="2181" y="2618"/>
                </a:cubicBezTo>
                <a:lnTo>
                  <a:pt x="2181" y="2618"/>
                </a:lnTo>
                <a:cubicBezTo>
                  <a:pt x="2284" y="2768"/>
                  <a:pt x="2457" y="2866"/>
                  <a:pt x="2653" y="2866"/>
                </a:cubicBezTo>
                <a:lnTo>
                  <a:pt x="2653" y="2866"/>
                </a:lnTo>
                <a:cubicBezTo>
                  <a:pt x="2968" y="2866"/>
                  <a:pt x="3224" y="2611"/>
                  <a:pt x="3224" y="2295"/>
                </a:cubicBezTo>
                <a:lnTo>
                  <a:pt x="3224" y="2295"/>
                </a:lnTo>
                <a:cubicBezTo>
                  <a:pt x="3224" y="2267"/>
                  <a:pt x="3222" y="2240"/>
                  <a:pt x="3218" y="2213"/>
                </a:cubicBezTo>
                <a:lnTo>
                  <a:pt x="3218" y="2213"/>
                </a:lnTo>
                <a:cubicBezTo>
                  <a:pt x="3220" y="2213"/>
                  <a:pt x="3222" y="2213"/>
                  <a:pt x="3224" y="2213"/>
                </a:cubicBezTo>
                <a:lnTo>
                  <a:pt x="3224" y="2213"/>
                </a:lnTo>
                <a:cubicBezTo>
                  <a:pt x="3564" y="2213"/>
                  <a:pt x="3839" y="1939"/>
                  <a:pt x="3839" y="1598"/>
                </a:cubicBezTo>
                <a:lnTo>
                  <a:pt x="3839" y="1598"/>
                </a:lnTo>
                <a:cubicBezTo>
                  <a:pt x="3839" y="1259"/>
                  <a:pt x="3564" y="983"/>
                  <a:pt x="3224" y="983"/>
                </a:cubicBezTo>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5" name="Freeform 8">
            <a:extLst>
              <a:ext uri="{FF2B5EF4-FFF2-40B4-BE49-F238E27FC236}">
                <a16:creationId xmlns:a16="http://schemas.microsoft.com/office/drawing/2014/main" id="{842B8AAC-6A62-4030-AB8B-F392495B08BA}"/>
              </a:ext>
            </a:extLst>
          </p:cNvPr>
          <p:cNvSpPr>
            <a:spLocks noChangeArrowheads="1"/>
          </p:cNvSpPr>
          <p:nvPr/>
        </p:nvSpPr>
        <p:spPr bwMode="auto">
          <a:xfrm>
            <a:off x="8374174" y="4660801"/>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6" name="Freeform 8">
            <a:extLst>
              <a:ext uri="{FF2B5EF4-FFF2-40B4-BE49-F238E27FC236}">
                <a16:creationId xmlns:a16="http://schemas.microsoft.com/office/drawing/2014/main" id="{44D5003B-8E0A-4E20-85F5-DA33B5DF5137}"/>
              </a:ext>
            </a:extLst>
          </p:cNvPr>
          <p:cNvSpPr>
            <a:spLocks noChangeArrowheads="1"/>
          </p:cNvSpPr>
          <p:nvPr/>
        </p:nvSpPr>
        <p:spPr bwMode="auto">
          <a:xfrm>
            <a:off x="885164" y="996676"/>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7" name="Freeform 5">
            <a:extLst>
              <a:ext uri="{FF2B5EF4-FFF2-40B4-BE49-F238E27FC236}">
                <a16:creationId xmlns:a16="http://schemas.microsoft.com/office/drawing/2014/main" id="{5BC2ABB0-39E8-4CE6-998B-BCBACDB7A7D9}"/>
              </a:ext>
            </a:extLst>
          </p:cNvPr>
          <p:cNvSpPr>
            <a:spLocks noChangeArrowheads="1"/>
          </p:cNvSpPr>
          <p:nvPr/>
        </p:nvSpPr>
        <p:spPr bwMode="auto">
          <a:xfrm>
            <a:off x="7891402" y="547809"/>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grpSp>
        <p:nvGrpSpPr>
          <p:cNvPr id="18" name="Group 17">
            <a:extLst>
              <a:ext uri="{FF2B5EF4-FFF2-40B4-BE49-F238E27FC236}">
                <a16:creationId xmlns:a16="http://schemas.microsoft.com/office/drawing/2014/main" id="{2FCF0DC1-2B70-42AF-94E6-DF818B8A5D85}"/>
              </a:ext>
            </a:extLst>
          </p:cNvPr>
          <p:cNvGrpSpPr/>
          <p:nvPr/>
        </p:nvGrpSpPr>
        <p:grpSpPr>
          <a:xfrm>
            <a:off x="2077646" y="503336"/>
            <a:ext cx="4987379" cy="4224290"/>
            <a:chOff x="6586626" y="1710525"/>
            <a:chExt cx="11240765" cy="9520882"/>
          </a:xfrm>
        </p:grpSpPr>
        <p:sp>
          <p:nvSpPr>
            <p:cNvPr id="19" name="Freeform 9">
              <a:extLst>
                <a:ext uri="{FF2B5EF4-FFF2-40B4-BE49-F238E27FC236}">
                  <a16:creationId xmlns:a16="http://schemas.microsoft.com/office/drawing/2014/main" id="{5365E1DF-816A-40E7-8415-CEE33EDB59ED}"/>
                </a:ext>
              </a:extLst>
            </p:cNvPr>
            <p:cNvSpPr>
              <a:spLocks noChangeArrowheads="1"/>
            </p:cNvSpPr>
            <p:nvPr/>
          </p:nvSpPr>
          <p:spPr bwMode="auto">
            <a:xfrm>
              <a:off x="6586626" y="7428457"/>
              <a:ext cx="3190637" cy="3802950"/>
            </a:xfrm>
            <a:custGeom>
              <a:avLst/>
              <a:gdLst>
                <a:gd name="T0" fmla="*/ 0 w 4688"/>
                <a:gd name="T1" fmla="*/ 0 h 5587"/>
                <a:gd name="T2" fmla="*/ 0 w 4688"/>
                <a:gd name="T3" fmla="*/ 0 h 5587"/>
                <a:gd name="T4" fmla="*/ 2312 w 4688"/>
                <a:gd name="T5" fmla="*/ 5586 h 5587"/>
                <a:gd name="T6" fmla="*/ 4687 w 4688"/>
                <a:gd name="T7" fmla="*/ 3211 h 5587"/>
                <a:gd name="T8" fmla="*/ 4687 w 4688"/>
                <a:gd name="T9" fmla="*/ 3211 h 5587"/>
                <a:gd name="T10" fmla="*/ 3358 w 4688"/>
                <a:gd name="T11" fmla="*/ 0 h 5587"/>
                <a:gd name="T12" fmla="*/ 0 w 4688"/>
                <a:gd name="T13" fmla="*/ 0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0"/>
                  </a:moveTo>
                  <a:lnTo>
                    <a:pt x="0" y="0"/>
                  </a:lnTo>
                  <a:cubicBezTo>
                    <a:pt x="38" y="2169"/>
                    <a:pt x="911" y="4133"/>
                    <a:pt x="2312" y="5586"/>
                  </a:cubicBezTo>
                  <a:lnTo>
                    <a:pt x="4687" y="3211"/>
                  </a:lnTo>
                  <a:lnTo>
                    <a:pt x="4687" y="3211"/>
                  </a:lnTo>
                  <a:cubicBezTo>
                    <a:pt x="3892" y="2367"/>
                    <a:pt x="3394" y="1242"/>
                    <a:pt x="3358" y="0"/>
                  </a:cubicBezTo>
                  <a:lnTo>
                    <a:pt x="0" y="0"/>
                  </a:lnTo>
                </a:path>
              </a:pathLst>
            </a:custGeom>
            <a:solidFill>
              <a:schemeClr val="accent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0" name="Freeform 10">
              <a:extLst>
                <a:ext uri="{FF2B5EF4-FFF2-40B4-BE49-F238E27FC236}">
                  <a16:creationId xmlns:a16="http://schemas.microsoft.com/office/drawing/2014/main" id="{5452BB7E-6A1D-4AA0-A523-DD5835ECCCD2}"/>
                </a:ext>
              </a:extLst>
            </p:cNvPr>
            <p:cNvSpPr>
              <a:spLocks noChangeArrowheads="1"/>
            </p:cNvSpPr>
            <p:nvPr/>
          </p:nvSpPr>
          <p:spPr bwMode="auto">
            <a:xfrm>
              <a:off x="6586626" y="3427406"/>
              <a:ext cx="3190637" cy="3799948"/>
            </a:xfrm>
            <a:custGeom>
              <a:avLst/>
              <a:gdLst>
                <a:gd name="T0" fmla="*/ 0 w 4689"/>
                <a:gd name="T1" fmla="*/ 5582 h 5583"/>
                <a:gd name="T2" fmla="*/ 3358 w 4689"/>
                <a:gd name="T3" fmla="*/ 5582 h 5583"/>
                <a:gd name="T4" fmla="*/ 3358 w 4689"/>
                <a:gd name="T5" fmla="*/ 5582 h 5583"/>
                <a:gd name="T6" fmla="*/ 4688 w 4689"/>
                <a:gd name="T7" fmla="*/ 2374 h 5583"/>
                <a:gd name="T8" fmla="*/ 2314 w 4689"/>
                <a:gd name="T9" fmla="*/ 0 h 5583"/>
                <a:gd name="T10" fmla="*/ 2314 w 4689"/>
                <a:gd name="T11" fmla="*/ 0 h 5583"/>
                <a:gd name="T12" fmla="*/ 0 w 4689"/>
                <a:gd name="T13" fmla="*/ 5582 h 5583"/>
              </a:gdLst>
              <a:ahLst/>
              <a:cxnLst>
                <a:cxn ang="0">
                  <a:pos x="T0" y="T1"/>
                </a:cxn>
                <a:cxn ang="0">
                  <a:pos x="T2" y="T3"/>
                </a:cxn>
                <a:cxn ang="0">
                  <a:pos x="T4" y="T5"/>
                </a:cxn>
                <a:cxn ang="0">
                  <a:pos x="T6" y="T7"/>
                </a:cxn>
                <a:cxn ang="0">
                  <a:pos x="T8" y="T9"/>
                </a:cxn>
                <a:cxn ang="0">
                  <a:pos x="T10" y="T11"/>
                </a:cxn>
                <a:cxn ang="0">
                  <a:pos x="T12" y="T13"/>
                </a:cxn>
              </a:cxnLst>
              <a:rect l="0" t="0" r="r" b="b"/>
              <a:pathLst>
                <a:path w="4689" h="5583">
                  <a:moveTo>
                    <a:pt x="0" y="5582"/>
                  </a:moveTo>
                  <a:lnTo>
                    <a:pt x="3358" y="5582"/>
                  </a:lnTo>
                  <a:lnTo>
                    <a:pt x="3358" y="5582"/>
                  </a:lnTo>
                  <a:cubicBezTo>
                    <a:pt x="3395" y="4343"/>
                    <a:pt x="3894" y="3218"/>
                    <a:pt x="4688" y="2374"/>
                  </a:cubicBezTo>
                  <a:lnTo>
                    <a:pt x="2314" y="0"/>
                  </a:lnTo>
                  <a:lnTo>
                    <a:pt x="2314" y="0"/>
                  </a:lnTo>
                  <a:cubicBezTo>
                    <a:pt x="912" y="1451"/>
                    <a:pt x="39" y="3415"/>
                    <a:pt x="0" y="5582"/>
                  </a:cubicBezTo>
                </a:path>
              </a:pathLst>
            </a:custGeom>
            <a:solidFill>
              <a:schemeClr val="accent2"/>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1" name="Freeform 11">
              <a:extLst>
                <a:ext uri="{FF2B5EF4-FFF2-40B4-BE49-F238E27FC236}">
                  <a16:creationId xmlns:a16="http://schemas.microsoft.com/office/drawing/2014/main" id="{5E201EAC-5B57-423D-BA88-8B78A297D640}"/>
                </a:ext>
              </a:extLst>
            </p:cNvPr>
            <p:cNvSpPr>
              <a:spLocks noChangeArrowheads="1"/>
            </p:cNvSpPr>
            <p:nvPr/>
          </p:nvSpPr>
          <p:spPr bwMode="auto">
            <a:xfrm>
              <a:off x="8306509" y="1710525"/>
              <a:ext cx="3799949" cy="3190635"/>
            </a:xfrm>
            <a:custGeom>
              <a:avLst/>
              <a:gdLst>
                <a:gd name="T0" fmla="*/ 2375 w 5583"/>
                <a:gd name="T1" fmla="*/ 4686 h 4687"/>
                <a:gd name="T2" fmla="*/ 2375 w 5583"/>
                <a:gd name="T3" fmla="*/ 4686 h 4687"/>
                <a:gd name="T4" fmla="*/ 5582 w 5583"/>
                <a:gd name="T5" fmla="*/ 3358 h 4687"/>
                <a:gd name="T6" fmla="*/ 5582 w 5583"/>
                <a:gd name="T7" fmla="*/ 0 h 4687"/>
                <a:gd name="T8" fmla="*/ 5582 w 5583"/>
                <a:gd name="T9" fmla="*/ 0 h 4687"/>
                <a:gd name="T10" fmla="*/ 0 w 5583"/>
                <a:gd name="T11" fmla="*/ 2312 h 4687"/>
                <a:gd name="T12" fmla="*/ 2375 w 5583"/>
                <a:gd name="T13" fmla="*/ 4686 h 4687"/>
              </a:gdLst>
              <a:ahLst/>
              <a:cxnLst>
                <a:cxn ang="0">
                  <a:pos x="T0" y="T1"/>
                </a:cxn>
                <a:cxn ang="0">
                  <a:pos x="T2" y="T3"/>
                </a:cxn>
                <a:cxn ang="0">
                  <a:pos x="T4" y="T5"/>
                </a:cxn>
                <a:cxn ang="0">
                  <a:pos x="T6" y="T7"/>
                </a:cxn>
                <a:cxn ang="0">
                  <a:pos x="T8" y="T9"/>
                </a:cxn>
                <a:cxn ang="0">
                  <a:pos x="T10" y="T11"/>
                </a:cxn>
                <a:cxn ang="0">
                  <a:pos x="T12" y="T13"/>
                </a:cxn>
              </a:cxnLst>
              <a:rect l="0" t="0" r="r" b="b"/>
              <a:pathLst>
                <a:path w="5583" h="4687">
                  <a:moveTo>
                    <a:pt x="2375" y="4686"/>
                  </a:moveTo>
                  <a:lnTo>
                    <a:pt x="2375" y="4686"/>
                  </a:lnTo>
                  <a:cubicBezTo>
                    <a:pt x="3218" y="3893"/>
                    <a:pt x="4342" y="3395"/>
                    <a:pt x="5582" y="3358"/>
                  </a:cubicBezTo>
                  <a:lnTo>
                    <a:pt x="5582" y="0"/>
                  </a:lnTo>
                  <a:lnTo>
                    <a:pt x="5582" y="0"/>
                  </a:lnTo>
                  <a:cubicBezTo>
                    <a:pt x="3416" y="38"/>
                    <a:pt x="1452" y="912"/>
                    <a:pt x="0" y="2312"/>
                  </a:cubicBezTo>
                  <a:lnTo>
                    <a:pt x="2375" y="4686"/>
                  </a:lnTo>
                </a:path>
              </a:pathLst>
            </a:custGeom>
            <a:solidFill>
              <a:schemeClr val="accent3"/>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2" name="Freeform 12">
              <a:extLst>
                <a:ext uri="{FF2B5EF4-FFF2-40B4-BE49-F238E27FC236}">
                  <a16:creationId xmlns:a16="http://schemas.microsoft.com/office/drawing/2014/main" id="{BD7D4EDD-CAA6-4329-A72C-3D2B4598035D}"/>
                </a:ext>
              </a:extLst>
            </p:cNvPr>
            <p:cNvSpPr>
              <a:spLocks noChangeArrowheads="1"/>
            </p:cNvSpPr>
            <p:nvPr/>
          </p:nvSpPr>
          <p:spPr bwMode="auto">
            <a:xfrm>
              <a:off x="12307561" y="1710525"/>
              <a:ext cx="3799949" cy="3190635"/>
            </a:xfrm>
            <a:custGeom>
              <a:avLst/>
              <a:gdLst>
                <a:gd name="T0" fmla="*/ 0 w 5584"/>
                <a:gd name="T1" fmla="*/ 3358 h 4688"/>
                <a:gd name="T2" fmla="*/ 0 w 5584"/>
                <a:gd name="T3" fmla="*/ 3358 h 4688"/>
                <a:gd name="T4" fmla="*/ 3208 w 5584"/>
                <a:gd name="T5" fmla="*/ 4687 h 4688"/>
                <a:gd name="T6" fmla="*/ 5583 w 5584"/>
                <a:gd name="T7" fmla="*/ 2312 h 4688"/>
                <a:gd name="T8" fmla="*/ 5583 w 5584"/>
                <a:gd name="T9" fmla="*/ 2312 h 4688"/>
                <a:gd name="T10" fmla="*/ 0 w 5584"/>
                <a:gd name="T11" fmla="*/ 0 h 4688"/>
                <a:gd name="T12" fmla="*/ 0 w 5584"/>
                <a:gd name="T13" fmla="*/ 3358 h 4688"/>
              </a:gdLst>
              <a:ahLst/>
              <a:cxnLst>
                <a:cxn ang="0">
                  <a:pos x="T0" y="T1"/>
                </a:cxn>
                <a:cxn ang="0">
                  <a:pos x="T2" y="T3"/>
                </a:cxn>
                <a:cxn ang="0">
                  <a:pos x="T4" y="T5"/>
                </a:cxn>
                <a:cxn ang="0">
                  <a:pos x="T6" y="T7"/>
                </a:cxn>
                <a:cxn ang="0">
                  <a:pos x="T8" y="T9"/>
                </a:cxn>
                <a:cxn ang="0">
                  <a:pos x="T10" y="T11"/>
                </a:cxn>
                <a:cxn ang="0">
                  <a:pos x="T12" y="T13"/>
                </a:cxn>
              </a:cxnLst>
              <a:rect l="0" t="0" r="r" b="b"/>
              <a:pathLst>
                <a:path w="5584" h="4688">
                  <a:moveTo>
                    <a:pt x="0" y="3358"/>
                  </a:moveTo>
                  <a:lnTo>
                    <a:pt x="0" y="3358"/>
                  </a:lnTo>
                  <a:cubicBezTo>
                    <a:pt x="1241" y="3395"/>
                    <a:pt x="2365" y="3893"/>
                    <a:pt x="3208" y="4687"/>
                  </a:cubicBezTo>
                  <a:lnTo>
                    <a:pt x="5583" y="2312"/>
                  </a:lnTo>
                  <a:lnTo>
                    <a:pt x="5583" y="2312"/>
                  </a:lnTo>
                  <a:cubicBezTo>
                    <a:pt x="4131" y="912"/>
                    <a:pt x="2168" y="38"/>
                    <a:pt x="0" y="0"/>
                  </a:cubicBezTo>
                  <a:lnTo>
                    <a:pt x="0" y="3358"/>
                  </a:lnTo>
                </a:path>
              </a:pathLst>
            </a:custGeom>
            <a:solidFill>
              <a:schemeClr val="accent4"/>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3" name="Freeform 13">
              <a:extLst>
                <a:ext uri="{FF2B5EF4-FFF2-40B4-BE49-F238E27FC236}">
                  <a16:creationId xmlns:a16="http://schemas.microsoft.com/office/drawing/2014/main" id="{61A61558-B0E3-488A-B29E-E0D511B615B3}"/>
                </a:ext>
              </a:extLst>
            </p:cNvPr>
            <p:cNvSpPr>
              <a:spLocks noChangeArrowheads="1"/>
            </p:cNvSpPr>
            <p:nvPr/>
          </p:nvSpPr>
          <p:spPr bwMode="auto">
            <a:xfrm>
              <a:off x="14636754" y="7428457"/>
              <a:ext cx="3190637" cy="3802950"/>
            </a:xfrm>
            <a:custGeom>
              <a:avLst/>
              <a:gdLst>
                <a:gd name="T0" fmla="*/ 0 w 4688"/>
                <a:gd name="T1" fmla="*/ 3211 h 5587"/>
                <a:gd name="T2" fmla="*/ 2375 w 4688"/>
                <a:gd name="T3" fmla="*/ 5586 h 5587"/>
                <a:gd name="T4" fmla="*/ 2375 w 4688"/>
                <a:gd name="T5" fmla="*/ 5586 h 5587"/>
                <a:gd name="T6" fmla="*/ 4687 w 4688"/>
                <a:gd name="T7" fmla="*/ 0 h 5587"/>
                <a:gd name="T8" fmla="*/ 1329 w 4688"/>
                <a:gd name="T9" fmla="*/ 0 h 5587"/>
                <a:gd name="T10" fmla="*/ 1329 w 4688"/>
                <a:gd name="T11" fmla="*/ 0 h 5587"/>
                <a:gd name="T12" fmla="*/ 0 w 4688"/>
                <a:gd name="T13" fmla="*/ 3211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3211"/>
                  </a:moveTo>
                  <a:lnTo>
                    <a:pt x="2375" y="5586"/>
                  </a:lnTo>
                  <a:lnTo>
                    <a:pt x="2375" y="5586"/>
                  </a:lnTo>
                  <a:cubicBezTo>
                    <a:pt x="3776" y="4133"/>
                    <a:pt x="4649" y="2169"/>
                    <a:pt x="4687" y="0"/>
                  </a:cubicBezTo>
                  <a:lnTo>
                    <a:pt x="1329" y="0"/>
                  </a:lnTo>
                  <a:lnTo>
                    <a:pt x="1329" y="0"/>
                  </a:lnTo>
                  <a:cubicBezTo>
                    <a:pt x="1292" y="1242"/>
                    <a:pt x="794" y="2367"/>
                    <a:pt x="0" y="3211"/>
                  </a:cubicBezTo>
                </a:path>
              </a:pathLst>
            </a:custGeom>
            <a:solidFill>
              <a:schemeClr val="accent6">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4" name="Freeform 14">
              <a:extLst>
                <a:ext uri="{FF2B5EF4-FFF2-40B4-BE49-F238E27FC236}">
                  <a16:creationId xmlns:a16="http://schemas.microsoft.com/office/drawing/2014/main" id="{02D50FB6-6A8D-4E39-9D88-6A6BE63967D8}"/>
                </a:ext>
              </a:extLst>
            </p:cNvPr>
            <p:cNvSpPr>
              <a:spLocks noChangeArrowheads="1"/>
            </p:cNvSpPr>
            <p:nvPr/>
          </p:nvSpPr>
          <p:spPr bwMode="auto">
            <a:xfrm>
              <a:off x="14633753" y="3427406"/>
              <a:ext cx="3193638" cy="3799948"/>
            </a:xfrm>
            <a:custGeom>
              <a:avLst/>
              <a:gdLst>
                <a:gd name="T0" fmla="*/ 0 w 4690"/>
                <a:gd name="T1" fmla="*/ 2374 h 5583"/>
                <a:gd name="T2" fmla="*/ 0 w 4690"/>
                <a:gd name="T3" fmla="*/ 2374 h 5583"/>
                <a:gd name="T4" fmla="*/ 1331 w 4690"/>
                <a:gd name="T5" fmla="*/ 5582 h 5583"/>
                <a:gd name="T6" fmla="*/ 4689 w 4690"/>
                <a:gd name="T7" fmla="*/ 5582 h 5583"/>
                <a:gd name="T8" fmla="*/ 4689 w 4690"/>
                <a:gd name="T9" fmla="*/ 5582 h 5583"/>
                <a:gd name="T10" fmla="*/ 2375 w 4690"/>
                <a:gd name="T11" fmla="*/ 0 h 5583"/>
                <a:gd name="T12" fmla="*/ 0 w 4690"/>
                <a:gd name="T13" fmla="*/ 2374 h 5583"/>
              </a:gdLst>
              <a:ahLst/>
              <a:cxnLst>
                <a:cxn ang="0">
                  <a:pos x="T0" y="T1"/>
                </a:cxn>
                <a:cxn ang="0">
                  <a:pos x="T2" y="T3"/>
                </a:cxn>
                <a:cxn ang="0">
                  <a:pos x="T4" y="T5"/>
                </a:cxn>
                <a:cxn ang="0">
                  <a:pos x="T6" y="T7"/>
                </a:cxn>
                <a:cxn ang="0">
                  <a:pos x="T8" y="T9"/>
                </a:cxn>
                <a:cxn ang="0">
                  <a:pos x="T10" y="T11"/>
                </a:cxn>
                <a:cxn ang="0">
                  <a:pos x="T12" y="T13"/>
                </a:cxn>
              </a:cxnLst>
              <a:rect l="0" t="0" r="r" b="b"/>
              <a:pathLst>
                <a:path w="4690" h="5583">
                  <a:moveTo>
                    <a:pt x="0" y="2374"/>
                  </a:moveTo>
                  <a:lnTo>
                    <a:pt x="0" y="2374"/>
                  </a:lnTo>
                  <a:cubicBezTo>
                    <a:pt x="794" y="3218"/>
                    <a:pt x="1293" y="4343"/>
                    <a:pt x="1331" y="5582"/>
                  </a:cubicBezTo>
                  <a:lnTo>
                    <a:pt x="4689" y="5582"/>
                  </a:lnTo>
                  <a:lnTo>
                    <a:pt x="4689" y="5582"/>
                  </a:lnTo>
                  <a:cubicBezTo>
                    <a:pt x="4650" y="3415"/>
                    <a:pt x="3776" y="1451"/>
                    <a:pt x="2375" y="0"/>
                  </a:cubicBezTo>
                  <a:lnTo>
                    <a:pt x="0" y="2374"/>
                  </a:lnTo>
                </a:path>
              </a:pathLst>
            </a:custGeom>
            <a:solidFill>
              <a:schemeClr val="accent5">
                <a:lumMod val="75000"/>
                <a:lumOff val="2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5" name="Freeform 775">
              <a:extLst>
                <a:ext uri="{FF2B5EF4-FFF2-40B4-BE49-F238E27FC236}">
                  <a16:creationId xmlns:a16="http://schemas.microsoft.com/office/drawing/2014/main" id="{79C257D3-2E5F-48FD-9082-437D250F81D1}"/>
                </a:ext>
              </a:extLst>
            </p:cNvPr>
            <p:cNvSpPr>
              <a:spLocks noChangeArrowheads="1"/>
            </p:cNvSpPr>
            <p:nvPr/>
          </p:nvSpPr>
          <p:spPr bwMode="auto">
            <a:xfrm>
              <a:off x="9921336" y="3994696"/>
              <a:ext cx="2181438" cy="1235955"/>
            </a:xfrm>
            <a:custGeom>
              <a:avLst/>
              <a:gdLst>
                <a:gd name="connsiteX0" fmla="*/ 2093326 w 2093326"/>
                <a:gd name="connsiteY0" fmla="*/ 0 h 1186033"/>
                <a:gd name="connsiteX1" fmla="*/ 2093326 w 2093326"/>
                <a:gd name="connsiteY1" fmla="*/ 451449 h 1186033"/>
                <a:gd name="connsiteX2" fmla="*/ 1354649 w 2093326"/>
                <a:gd name="connsiteY2" fmla="*/ 579578 h 1186033"/>
                <a:gd name="connsiteX3" fmla="*/ 1267152 w 2093326"/>
                <a:gd name="connsiteY3" fmla="*/ 611918 h 1186033"/>
                <a:gd name="connsiteX4" fmla="*/ 1225752 w 2093326"/>
                <a:gd name="connsiteY4" fmla="*/ 949846 h 1186033"/>
                <a:gd name="connsiteX5" fmla="*/ 954079 w 2093326"/>
                <a:gd name="connsiteY5" fmla="*/ 745615 h 1186033"/>
                <a:gd name="connsiteX6" fmla="*/ 905951 w 2093326"/>
                <a:gd name="connsiteY6" fmla="*/ 768460 h 1186033"/>
                <a:gd name="connsiteX7" fmla="*/ 319188 w 2093326"/>
                <a:gd name="connsiteY7" fmla="*/ 1186033 h 1186033"/>
                <a:gd name="connsiteX8" fmla="*/ 0 w 2093326"/>
                <a:gd name="connsiteY8" fmla="*/ 866365 h 1186033"/>
                <a:gd name="connsiteX9" fmla="*/ 2093326 w 2093326"/>
                <a:gd name="connsiteY9" fmla="*/ 0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93326" h="1186033">
                  <a:moveTo>
                    <a:pt x="2093326" y="0"/>
                  </a:moveTo>
                  <a:lnTo>
                    <a:pt x="2093326" y="451449"/>
                  </a:lnTo>
                  <a:cubicBezTo>
                    <a:pt x="1836556" y="460501"/>
                    <a:pt x="1588781" y="504782"/>
                    <a:pt x="1354649" y="579578"/>
                  </a:cubicBezTo>
                  <a:lnTo>
                    <a:pt x="1267152" y="611918"/>
                  </a:lnTo>
                  <a:lnTo>
                    <a:pt x="1225752" y="949846"/>
                  </a:lnTo>
                  <a:lnTo>
                    <a:pt x="954079" y="745615"/>
                  </a:lnTo>
                  <a:lnTo>
                    <a:pt x="905951" y="768460"/>
                  </a:lnTo>
                  <a:cubicBezTo>
                    <a:pt x="692074" y="881849"/>
                    <a:pt x="494937" y="1022611"/>
                    <a:pt x="319188" y="1186033"/>
                  </a:cubicBezTo>
                  <a:lnTo>
                    <a:pt x="0" y="866365"/>
                  </a:lnTo>
                  <a:cubicBezTo>
                    <a:pt x="550257" y="349025"/>
                    <a:pt x="1283933" y="24138"/>
                    <a:pt x="2093326" y="0"/>
                  </a:cubicBezTo>
                  <a:close/>
                </a:path>
              </a:pathLst>
            </a:custGeom>
            <a:solidFill>
              <a:schemeClr val="accent3">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6" name="Freeform 776">
              <a:extLst>
                <a:ext uri="{FF2B5EF4-FFF2-40B4-BE49-F238E27FC236}">
                  <a16:creationId xmlns:a16="http://schemas.microsoft.com/office/drawing/2014/main" id="{7DAFA299-B704-4C14-8924-1D93C63DCA05}"/>
                </a:ext>
              </a:extLst>
            </p:cNvPr>
            <p:cNvSpPr>
              <a:spLocks noChangeArrowheads="1"/>
            </p:cNvSpPr>
            <p:nvPr/>
          </p:nvSpPr>
          <p:spPr bwMode="auto">
            <a:xfrm>
              <a:off x="12307561" y="3994696"/>
              <a:ext cx="2184440" cy="1235955"/>
            </a:xfrm>
            <a:custGeom>
              <a:avLst/>
              <a:gdLst>
                <a:gd name="connsiteX0" fmla="*/ 0 w 2096207"/>
                <a:gd name="connsiteY0" fmla="*/ 0 h 1186033"/>
                <a:gd name="connsiteX1" fmla="*/ 2096207 w 2096207"/>
                <a:gd name="connsiteY1" fmla="*/ 867017 h 1186033"/>
                <a:gd name="connsiteX2" fmla="*/ 1776679 w 2096207"/>
                <a:gd name="connsiteY2" fmla="*/ 1186033 h 1186033"/>
                <a:gd name="connsiteX3" fmla="*/ 1189257 w 2096207"/>
                <a:gd name="connsiteY3" fmla="*/ 768460 h 1186033"/>
                <a:gd name="connsiteX4" fmla="*/ 1081426 w 2096207"/>
                <a:gd name="connsiteY4" fmla="*/ 717341 h 1186033"/>
                <a:gd name="connsiteX5" fmla="*/ 805877 w 2096207"/>
                <a:gd name="connsiteY5" fmla="*/ 932567 h 1186033"/>
                <a:gd name="connsiteX6" fmla="*/ 757143 w 2096207"/>
                <a:gd name="connsiteY6" fmla="*/ 585921 h 1186033"/>
                <a:gd name="connsiteX7" fmla="*/ 739957 w 2096207"/>
                <a:gd name="connsiteY7" fmla="*/ 579578 h 1186033"/>
                <a:gd name="connsiteX8" fmla="*/ 0 w 2096207"/>
                <a:gd name="connsiteY8" fmla="*/ 451449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96207" h="1186033">
                  <a:moveTo>
                    <a:pt x="0" y="0"/>
                  </a:moveTo>
                  <a:cubicBezTo>
                    <a:pt x="810908" y="24138"/>
                    <a:pt x="1545364" y="349025"/>
                    <a:pt x="2096207" y="867017"/>
                  </a:cubicBezTo>
                  <a:lnTo>
                    <a:pt x="1776679" y="1186033"/>
                  </a:lnTo>
                  <a:cubicBezTo>
                    <a:pt x="1600742" y="1022611"/>
                    <a:pt x="1403396" y="881849"/>
                    <a:pt x="1189257" y="768460"/>
                  </a:cubicBezTo>
                  <a:lnTo>
                    <a:pt x="1081426" y="717341"/>
                  </a:lnTo>
                  <a:lnTo>
                    <a:pt x="805877" y="932567"/>
                  </a:lnTo>
                  <a:lnTo>
                    <a:pt x="757143" y="585921"/>
                  </a:lnTo>
                  <a:lnTo>
                    <a:pt x="739957" y="579578"/>
                  </a:lnTo>
                  <a:cubicBezTo>
                    <a:pt x="505480" y="504782"/>
                    <a:pt x="257288" y="460501"/>
                    <a:pt x="0" y="451449"/>
                  </a:cubicBezTo>
                  <a:close/>
                </a:path>
              </a:pathLst>
            </a:custGeom>
            <a:solidFill>
              <a:schemeClr val="accent4">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7" name="Freeform 778">
              <a:extLst>
                <a:ext uri="{FF2B5EF4-FFF2-40B4-BE49-F238E27FC236}">
                  <a16:creationId xmlns:a16="http://schemas.microsoft.com/office/drawing/2014/main" id="{3F8F7950-EF3D-4464-AB85-5E15A21F1F04}"/>
                </a:ext>
              </a:extLst>
            </p:cNvPr>
            <p:cNvSpPr>
              <a:spLocks noChangeArrowheads="1"/>
            </p:cNvSpPr>
            <p:nvPr/>
          </p:nvSpPr>
          <p:spPr bwMode="auto">
            <a:xfrm>
              <a:off x="14303583" y="7428457"/>
              <a:ext cx="1235955" cy="2184439"/>
            </a:xfrm>
            <a:custGeom>
              <a:avLst/>
              <a:gdLst>
                <a:gd name="connsiteX0" fmla="*/ 734583 w 1186033"/>
                <a:gd name="connsiteY0" fmla="*/ 0 h 2096207"/>
                <a:gd name="connsiteX1" fmla="*/ 1186033 w 1186033"/>
                <a:gd name="connsiteY1" fmla="*/ 0 h 2096207"/>
                <a:gd name="connsiteX2" fmla="*/ 319015 w 1186033"/>
                <a:gd name="connsiteY2" fmla="*/ 2096207 h 2096207"/>
                <a:gd name="connsiteX3" fmla="*/ 0 w 1186033"/>
                <a:gd name="connsiteY3" fmla="*/ 1776325 h 2096207"/>
                <a:gd name="connsiteX4" fmla="*/ 417859 w 1186033"/>
                <a:gd name="connsiteY4" fmla="*/ 1189039 h 2096207"/>
                <a:gd name="connsiteX5" fmla="*/ 460963 w 1186033"/>
                <a:gd name="connsiteY5" fmla="*/ 1098064 h 2096207"/>
                <a:gd name="connsiteX6" fmla="*/ 241947 w 1186033"/>
                <a:gd name="connsiteY6" fmla="*/ 818051 h 2096207"/>
                <a:gd name="connsiteX7" fmla="*/ 596239 w 1186033"/>
                <a:gd name="connsiteY7" fmla="*/ 767850 h 2096207"/>
                <a:gd name="connsiteX8" fmla="*/ 606627 w 1186033"/>
                <a:gd name="connsiteY8" fmla="*/ 739679 h 2096207"/>
                <a:gd name="connsiteX9" fmla="*/ 734583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734583" y="0"/>
                  </a:moveTo>
                  <a:lnTo>
                    <a:pt x="1186033" y="0"/>
                  </a:lnTo>
                  <a:cubicBezTo>
                    <a:pt x="1161895" y="810803"/>
                    <a:pt x="837008" y="1545227"/>
                    <a:pt x="319015" y="2096207"/>
                  </a:cubicBezTo>
                  <a:lnTo>
                    <a:pt x="0" y="1776325"/>
                  </a:lnTo>
                  <a:cubicBezTo>
                    <a:pt x="163667" y="1600553"/>
                    <a:pt x="304489" y="1403208"/>
                    <a:pt x="417859" y="1189039"/>
                  </a:cubicBezTo>
                  <a:lnTo>
                    <a:pt x="460963" y="1098064"/>
                  </a:lnTo>
                  <a:lnTo>
                    <a:pt x="241947" y="818051"/>
                  </a:lnTo>
                  <a:lnTo>
                    <a:pt x="596239" y="767850"/>
                  </a:lnTo>
                  <a:lnTo>
                    <a:pt x="606627" y="739679"/>
                  </a:lnTo>
                  <a:cubicBezTo>
                    <a:pt x="681343" y="505192"/>
                    <a:pt x="725531" y="257048"/>
                    <a:pt x="734583" y="0"/>
                  </a:cubicBezTo>
                  <a:close/>
                </a:path>
              </a:pathLst>
            </a:custGeom>
            <a:solidFill>
              <a:schemeClr val="accent6">
                <a:lumMod val="50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8" name="Freeform 777">
              <a:extLst>
                <a:ext uri="{FF2B5EF4-FFF2-40B4-BE49-F238E27FC236}">
                  <a16:creationId xmlns:a16="http://schemas.microsoft.com/office/drawing/2014/main" id="{F668474D-6828-4F41-96CC-61CD07D5EDB6}"/>
                </a:ext>
              </a:extLst>
            </p:cNvPr>
            <p:cNvSpPr>
              <a:spLocks noChangeArrowheads="1"/>
            </p:cNvSpPr>
            <p:nvPr/>
          </p:nvSpPr>
          <p:spPr bwMode="auto">
            <a:xfrm>
              <a:off x="14300582" y="5042234"/>
              <a:ext cx="1238956" cy="2184439"/>
            </a:xfrm>
            <a:custGeom>
              <a:avLst/>
              <a:gdLst>
                <a:gd name="connsiteX0" fmla="*/ 319439 w 1188913"/>
                <a:gd name="connsiteY0" fmla="*/ 0 h 2096207"/>
                <a:gd name="connsiteX1" fmla="*/ 1188913 w 1188913"/>
                <a:gd name="connsiteY1" fmla="*/ 2096207 h 2096207"/>
                <a:gd name="connsiteX2" fmla="*/ 736211 w 1188913"/>
                <a:gd name="connsiteY2" fmla="*/ 2096207 h 2096207"/>
                <a:gd name="connsiteX3" fmla="*/ 607878 w 1188913"/>
                <a:gd name="connsiteY3" fmla="*/ 1356744 h 2096207"/>
                <a:gd name="connsiteX4" fmla="*/ 580839 w 1188913"/>
                <a:gd name="connsiteY4" fmla="*/ 1283648 h 2096207"/>
                <a:gd name="connsiteX5" fmla="*/ 227546 w 1188913"/>
                <a:gd name="connsiteY5" fmla="*/ 1240155 h 2096207"/>
                <a:gd name="connsiteX6" fmla="*/ 441289 w 1188913"/>
                <a:gd name="connsiteY6" fmla="*/ 955276 h 2096207"/>
                <a:gd name="connsiteX7" fmla="*/ 418620 w 1188913"/>
                <a:gd name="connsiteY7" fmla="*/ 907569 h 2096207"/>
                <a:gd name="connsiteX8" fmla="*/ 0 w 1188913"/>
                <a:gd name="connsiteY8" fmla="*/ 320181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88913" h="2096207">
                  <a:moveTo>
                    <a:pt x="319439" y="0"/>
                  </a:moveTo>
                  <a:cubicBezTo>
                    <a:pt x="838118" y="551496"/>
                    <a:pt x="1164089" y="1286606"/>
                    <a:pt x="1188913" y="2096207"/>
                  </a:cubicBezTo>
                  <a:lnTo>
                    <a:pt x="736211" y="2096207"/>
                  </a:lnTo>
                  <a:cubicBezTo>
                    <a:pt x="727147" y="1839163"/>
                    <a:pt x="682808" y="1591125"/>
                    <a:pt x="607878" y="1356744"/>
                  </a:cubicBezTo>
                  <a:lnTo>
                    <a:pt x="580839" y="1283648"/>
                  </a:lnTo>
                  <a:lnTo>
                    <a:pt x="227546" y="1240155"/>
                  </a:lnTo>
                  <a:lnTo>
                    <a:pt x="441289" y="955276"/>
                  </a:lnTo>
                  <a:lnTo>
                    <a:pt x="418620" y="907569"/>
                  </a:lnTo>
                  <a:cubicBezTo>
                    <a:pt x="304985" y="693464"/>
                    <a:pt x="163884" y="496118"/>
                    <a:pt x="0" y="320181"/>
                  </a:cubicBezTo>
                  <a:close/>
                </a:path>
              </a:pathLst>
            </a:custGeom>
            <a:solidFill>
              <a:schemeClr val="accent5"/>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9" name="Freeform 774">
              <a:extLst>
                <a:ext uri="{FF2B5EF4-FFF2-40B4-BE49-F238E27FC236}">
                  <a16:creationId xmlns:a16="http://schemas.microsoft.com/office/drawing/2014/main" id="{D4DABE38-3FA5-4F92-9735-7BD45A98A784}"/>
                </a:ext>
              </a:extLst>
            </p:cNvPr>
            <p:cNvSpPr>
              <a:spLocks noChangeArrowheads="1"/>
            </p:cNvSpPr>
            <p:nvPr/>
          </p:nvSpPr>
          <p:spPr bwMode="auto">
            <a:xfrm>
              <a:off x="8870799" y="5042233"/>
              <a:ext cx="1238954" cy="2184439"/>
            </a:xfrm>
            <a:custGeom>
              <a:avLst/>
              <a:gdLst>
                <a:gd name="connsiteX0" fmla="*/ 868819 w 1188911"/>
                <a:gd name="connsiteY0" fmla="*/ 0 h 2096207"/>
                <a:gd name="connsiteX1" fmla="*/ 1188911 w 1188911"/>
                <a:gd name="connsiteY1" fmla="*/ 320181 h 2096207"/>
                <a:gd name="connsiteX2" fmla="*/ 769970 w 1188911"/>
                <a:gd name="connsiteY2" fmla="*/ 907569 h 2096207"/>
                <a:gd name="connsiteX3" fmla="*/ 717433 w 1188911"/>
                <a:gd name="connsiteY3" fmla="*/ 1018131 h 2096207"/>
                <a:gd name="connsiteX4" fmla="*/ 921044 w 1188911"/>
                <a:gd name="connsiteY4" fmla="*/ 1278809 h 2096207"/>
                <a:gd name="connsiteX5" fmla="*/ 592442 w 1188911"/>
                <a:gd name="connsiteY5" fmla="*/ 1325007 h 2096207"/>
                <a:gd name="connsiteX6" fmla="*/ 580702 w 1188911"/>
                <a:gd name="connsiteY6" fmla="*/ 1356744 h 2096207"/>
                <a:gd name="connsiteX7" fmla="*/ 452047 w 1188911"/>
                <a:gd name="connsiteY7" fmla="*/ 2096207 h 2096207"/>
                <a:gd name="connsiteX8" fmla="*/ 0 w 1188911"/>
                <a:gd name="connsiteY8" fmla="*/ 2096207 h 2096207"/>
                <a:gd name="connsiteX9" fmla="*/ 868819 w 1188911"/>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8911" h="2096207">
                  <a:moveTo>
                    <a:pt x="868819" y="0"/>
                  </a:moveTo>
                  <a:lnTo>
                    <a:pt x="1188911" y="320181"/>
                  </a:lnTo>
                  <a:cubicBezTo>
                    <a:pt x="1024782" y="496117"/>
                    <a:pt x="883620" y="693463"/>
                    <a:pt x="769970" y="907569"/>
                  </a:cubicBezTo>
                  <a:lnTo>
                    <a:pt x="717433" y="1018131"/>
                  </a:lnTo>
                  <a:lnTo>
                    <a:pt x="921044" y="1278809"/>
                  </a:lnTo>
                  <a:lnTo>
                    <a:pt x="592442" y="1325007"/>
                  </a:lnTo>
                  <a:lnTo>
                    <a:pt x="580702" y="1356744"/>
                  </a:lnTo>
                  <a:cubicBezTo>
                    <a:pt x="505757" y="1591125"/>
                    <a:pt x="461356" y="1839163"/>
                    <a:pt x="452047" y="2096207"/>
                  </a:cubicBezTo>
                  <a:lnTo>
                    <a:pt x="0" y="2096207"/>
                  </a:lnTo>
                  <a:cubicBezTo>
                    <a:pt x="24170" y="1286606"/>
                    <a:pt x="350141" y="551496"/>
                    <a:pt x="868819" y="0"/>
                  </a:cubicBezTo>
                  <a:close/>
                </a:path>
              </a:pathLst>
            </a:custGeom>
            <a:solidFill>
              <a:schemeClr val="accent2">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30" name="Freeform 773">
              <a:extLst>
                <a:ext uri="{FF2B5EF4-FFF2-40B4-BE49-F238E27FC236}">
                  <a16:creationId xmlns:a16="http://schemas.microsoft.com/office/drawing/2014/main" id="{C5B70849-6209-4C30-AA01-6122149D790D}"/>
                </a:ext>
              </a:extLst>
            </p:cNvPr>
            <p:cNvSpPr>
              <a:spLocks noChangeArrowheads="1"/>
            </p:cNvSpPr>
            <p:nvPr/>
          </p:nvSpPr>
          <p:spPr bwMode="auto">
            <a:xfrm>
              <a:off x="8870798" y="7428456"/>
              <a:ext cx="1235955" cy="2184439"/>
            </a:xfrm>
            <a:custGeom>
              <a:avLst/>
              <a:gdLst>
                <a:gd name="connsiteX0" fmla="*/ 0 w 1186033"/>
                <a:gd name="connsiteY0" fmla="*/ 0 h 2096207"/>
                <a:gd name="connsiteX1" fmla="*/ 451449 w 1186033"/>
                <a:gd name="connsiteY1" fmla="*/ 0 h 2096207"/>
                <a:gd name="connsiteX2" fmla="*/ 579119 w 1186033"/>
                <a:gd name="connsiteY2" fmla="*/ 739679 h 2096207"/>
                <a:gd name="connsiteX3" fmla="*/ 609367 w 1186033"/>
                <a:gd name="connsiteY3" fmla="*/ 821671 h 2096207"/>
                <a:gd name="connsiteX4" fmla="*/ 935447 w 1186033"/>
                <a:gd name="connsiteY4" fmla="*/ 861814 h 2096207"/>
                <a:gd name="connsiteX5" fmla="*/ 737910 w 1186033"/>
                <a:gd name="connsiteY5" fmla="*/ 1125574 h 2096207"/>
                <a:gd name="connsiteX6" fmla="*/ 768002 w 1186033"/>
                <a:gd name="connsiteY6" fmla="*/ 1189039 h 2096207"/>
                <a:gd name="connsiteX7" fmla="*/ 1186033 w 1186033"/>
                <a:gd name="connsiteY7" fmla="*/ 1776325 h 2096207"/>
                <a:gd name="connsiteX8" fmla="*/ 867017 w 1186033"/>
                <a:gd name="connsiteY8" fmla="*/ 2096207 h 2096207"/>
                <a:gd name="connsiteX9" fmla="*/ 0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0" y="0"/>
                  </a:moveTo>
                  <a:lnTo>
                    <a:pt x="451449" y="0"/>
                  </a:lnTo>
                  <a:cubicBezTo>
                    <a:pt x="460256" y="257048"/>
                    <a:pt x="504384" y="505191"/>
                    <a:pt x="579119" y="739679"/>
                  </a:cubicBezTo>
                  <a:lnTo>
                    <a:pt x="609367" y="821671"/>
                  </a:lnTo>
                  <a:lnTo>
                    <a:pt x="935447" y="861814"/>
                  </a:lnTo>
                  <a:lnTo>
                    <a:pt x="737910" y="1125574"/>
                  </a:lnTo>
                  <a:lnTo>
                    <a:pt x="768002" y="1189039"/>
                  </a:lnTo>
                  <a:cubicBezTo>
                    <a:pt x="881451" y="1403208"/>
                    <a:pt x="1022366" y="1600553"/>
                    <a:pt x="1186033" y="1776325"/>
                  </a:cubicBezTo>
                  <a:lnTo>
                    <a:pt x="867017" y="2096207"/>
                  </a:lnTo>
                  <a:cubicBezTo>
                    <a:pt x="348373" y="1545227"/>
                    <a:pt x="23486" y="810803"/>
                    <a:pt x="0" y="0"/>
                  </a:cubicBezTo>
                  <a:close/>
                </a:path>
              </a:pathLst>
            </a:custGeom>
            <a:solidFill>
              <a:schemeClr val="accent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31" name="Group 30">
            <a:extLst>
              <a:ext uri="{FF2B5EF4-FFF2-40B4-BE49-F238E27FC236}">
                <a16:creationId xmlns:a16="http://schemas.microsoft.com/office/drawing/2014/main" id="{770C193C-C179-42D6-95AF-EBF15A37C3C6}"/>
              </a:ext>
            </a:extLst>
          </p:cNvPr>
          <p:cNvGrpSpPr/>
          <p:nvPr/>
        </p:nvGrpSpPr>
        <p:grpSpPr>
          <a:xfrm>
            <a:off x="4354920" y="4078146"/>
            <a:ext cx="478754" cy="649818"/>
            <a:chOff x="11641219" y="10294926"/>
            <a:chExt cx="1251643" cy="1698871"/>
          </a:xfrm>
        </p:grpSpPr>
        <p:sp>
          <p:nvSpPr>
            <p:cNvPr id="32" name="Freeform 750">
              <a:extLst>
                <a:ext uri="{FF2B5EF4-FFF2-40B4-BE49-F238E27FC236}">
                  <a16:creationId xmlns:a16="http://schemas.microsoft.com/office/drawing/2014/main" id="{8B056C0E-0AB2-4D52-B3E2-0258D7CEA3C6}"/>
                </a:ext>
              </a:extLst>
            </p:cNvPr>
            <p:cNvSpPr>
              <a:spLocks noChangeArrowheads="1"/>
            </p:cNvSpPr>
            <p:nvPr/>
          </p:nvSpPr>
          <p:spPr bwMode="auto">
            <a:xfrm>
              <a:off x="11782292" y="10294926"/>
              <a:ext cx="1110570" cy="1698871"/>
            </a:xfrm>
            <a:custGeom>
              <a:avLst/>
              <a:gdLst>
                <a:gd name="T0" fmla="*/ 795 w 1633"/>
                <a:gd name="T1" fmla="*/ 12 h 2497"/>
                <a:gd name="T2" fmla="*/ 795 w 1633"/>
                <a:gd name="T3" fmla="*/ 12 h 2497"/>
                <a:gd name="T4" fmla="*/ 9 w 1633"/>
                <a:gd name="T5" fmla="*/ 850 h 2497"/>
                <a:gd name="T6" fmla="*/ 9 w 1633"/>
                <a:gd name="T7" fmla="*/ 850 h 2497"/>
                <a:gd name="T8" fmla="*/ 858 w 1633"/>
                <a:gd name="T9" fmla="*/ 2496 h 2497"/>
                <a:gd name="T10" fmla="*/ 858 w 1633"/>
                <a:gd name="T11" fmla="*/ 2496 h 2497"/>
                <a:gd name="T12" fmla="*/ 1624 w 1633"/>
                <a:gd name="T13" fmla="*/ 809 h 2497"/>
                <a:gd name="T14" fmla="*/ 1624 w 1633"/>
                <a:gd name="T15" fmla="*/ 809 h 2497"/>
                <a:gd name="T16" fmla="*/ 795 w 1633"/>
                <a:gd name="T17" fmla="*/ 12 h 24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33" h="2497">
                  <a:moveTo>
                    <a:pt x="795" y="12"/>
                  </a:moveTo>
                  <a:lnTo>
                    <a:pt x="795" y="12"/>
                  </a:lnTo>
                  <a:cubicBezTo>
                    <a:pt x="367" y="22"/>
                    <a:pt x="0" y="506"/>
                    <a:pt x="9" y="850"/>
                  </a:cubicBezTo>
                  <a:lnTo>
                    <a:pt x="9" y="850"/>
                  </a:lnTo>
                  <a:cubicBezTo>
                    <a:pt x="17" y="1194"/>
                    <a:pt x="858" y="2496"/>
                    <a:pt x="858" y="2496"/>
                  </a:cubicBezTo>
                  <a:lnTo>
                    <a:pt x="858" y="2496"/>
                  </a:lnTo>
                  <a:cubicBezTo>
                    <a:pt x="1095" y="1899"/>
                    <a:pt x="1632" y="1147"/>
                    <a:pt x="1624" y="809"/>
                  </a:cubicBezTo>
                  <a:lnTo>
                    <a:pt x="1624" y="809"/>
                  </a:lnTo>
                  <a:cubicBezTo>
                    <a:pt x="1615" y="471"/>
                    <a:pt x="1224" y="0"/>
                    <a:pt x="795" y="1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3" name="Freeform 751">
              <a:extLst>
                <a:ext uri="{FF2B5EF4-FFF2-40B4-BE49-F238E27FC236}">
                  <a16:creationId xmlns:a16="http://schemas.microsoft.com/office/drawing/2014/main" id="{F7E7F722-A544-4CBA-806C-0C18F2E7D6B5}"/>
                </a:ext>
              </a:extLst>
            </p:cNvPr>
            <p:cNvSpPr>
              <a:spLocks noChangeArrowheads="1"/>
            </p:cNvSpPr>
            <p:nvPr/>
          </p:nvSpPr>
          <p:spPr bwMode="auto">
            <a:xfrm>
              <a:off x="11881341" y="10312935"/>
              <a:ext cx="909468" cy="1389711"/>
            </a:xfrm>
            <a:custGeom>
              <a:avLst/>
              <a:gdLst>
                <a:gd name="T0" fmla="*/ 650 w 1335"/>
                <a:gd name="T1" fmla="*/ 9 h 2040"/>
                <a:gd name="T2" fmla="*/ 650 w 1335"/>
                <a:gd name="T3" fmla="*/ 9 h 2040"/>
                <a:gd name="T4" fmla="*/ 7 w 1335"/>
                <a:gd name="T5" fmla="*/ 695 h 2040"/>
                <a:gd name="T6" fmla="*/ 7 w 1335"/>
                <a:gd name="T7" fmla="*/ 695 h 2040"/>
                <a:gd name="T8" fmla="*/ 701 w 1335"/>
                <a:gd name="T9" fmla="*/ 2039 h 2040"/>
                <a:gd name="T10" fmla="*/ 701 w 1335"/>
                <a:gd name="T11" fmla="*/ 2039 h 2040"/>
                <a:gd name="T12" fmla="*/ 1327 w 1335"/>
                <a:gd name="T13" fmla="*/ 661 h 2040"/>
                <a:gd name="T14" fmla="*/ 1327 w 1335"/>
                <a:gd name="T15" fmla="*/ 661 h 2040"/>
                <a:gd name="T16" fmla="*/ 650 w 1335"/>
                <a:gd name="T17" fmla="*/ 9 h 20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35" h="2040">
                  <a:moveTo>
                    <a:pt x="650" y="9"/>
                  </a:moveTo>
                  <a:lnTo>
                    <a:pt x="650" y="9"/>
                  </a:lnTo>
                  <a:cubicBezTo>
                    <a:pt x="299" y="18"/>
                    <a:pt x="0" y="413"/>
                    <a:pt x="7" y="695"/>
                  </a:cubicBezTo>
                  <a:lnTo>
                    <a:pt x="7" y="695"/>
                  </a:lnTo>
                  <a:cubicBezTo>
                    <a:pt x="14" y="975"/>
                    <a:pt x="701" y="2039"/>
                    <a:pt x="701" y="2039"/>
                  </a:cubicBezTo>
                  <a:lnTo>
                    <a:pt x="701" y="2039"/>
                  </a:lnTo>
                  <a:cubicBezTo>
                    <a:pt x="896" y="1552"/>
                    <a:pt x="1334" y="937"/>
                    <a:pt x="1327" y="661"/>
                  </a:cubicBezTo>
                  <a:lnTo>
                    <a:pt x="1327" y="661"/>
                  </a:lnTo>
                  <a:cubicBezTo>
                    <a:pt x="1320" y="385"/>
                    <a:pt x="1000" y="0"/>
                    <a:pt x="650" y="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4" name="Freeform 752">
              <a:extLst>
                <a:ext uri="{FF2B5EF4-FFF2-40B4-BE49-F238E27FC236}">
                  <a16:creationId xmlns:a16="http://schemas.microsoft.com/office/drawing/2014/main" id="{3E13E51E-78DC-405A-ADDA-9C5D4DC3C9F9}"/>
                </a:ext>
              </a:extLst>
            </p:cNvPr>
            <p:cNvSpPr>
              <a:spLocks noChangeArrowheads="1"/>
            </p:cNvSpPr>
            <p:nvPr/>
          </p:nvSpPr>
          <p:spPr bwMode="auto">
            <a:xfrm>
              <a:off x="11983393" y="10312935"/>
              <a:ext cx="699359" cy="1068548"/>
            </a:xfrm>
            <a:custGeom>
              <a:avLst/>
              <a:gdLst>
                <a:gd name="T0" fmla="*/ 500 w 1029"/>
                <a:gd name="T1" fmla="*/ 6 h 1571"/>
                <a:gd name="T2" fmla="*/ 500 w 1029"/>
                <a:gd name="T3" fmla="*/ 6 h 1571"/>
                <a:gd name="T4" fmla="*/ 6 w 1029"/>
                <a:gd name="T5" fmla="*/ 534 h 1571"/>
                <a:gd name="T6" fmla="*/ 6 w 1029"/>
                <a:gd name="T7" fmla="*/ 534 h 1571"/>
                <a:gd name="T8" fmla="*/ 540 w 1029"/>
                <a:gd name="T9" fmla="*/ 1570 h 1571"/>
                <a:gd name="T10" fmla="*/ 540 w 1029"/>
                <a:gd name="T11" fmla="*/ 1570 h 1571"/>
                <a:gd name="T12" fmla="*/ 1022 w 1029"/>
                <a:gd name="T13" fmla="*/ 508 h 1571"/>
                <a:gd name="T14" fmla="*/ 1022 w 1029"/>
                <a:gd name="T15" fmla="*/ 508 h 1571"/>
                <a:gd name="T16" fmla="*/ 500 w 1029"/>
                <a:gd name="T17" fmla="*/ 6 h 1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29" h="1571">
                  <a:moveTo>
                    <a:pt x="500" y="6"/>
                  </a:moveTo>
                  <a:lnTo>
                    <a:pt x="500" y="6"/>
                  </a:lnTo>
                  <a:cubicBezTo>
                    <a:pt x="230" y="13"/>
                    <a:pt x="0" y="318"/>
                    <a:pt x="6" y="534"/>
                  </a:cubicBezTo>
                  <a:lnTo>
                    <a:pt x="6" y="534"/>
                  </a:lnTo>
                  <a:cubicBezTo>
                    <a:pt x="11" y="751"/>
                    <a:pt x="540" y="1570"/>
                    <a:pt x="540" y="1570"/>
                  </a:cubicBezTo>
                  <a:lnTo>
                    <a:pt x="540" y="1570"/>
                  </a:lnTo>
                  <a:cubicBezTo>
                    <a:pt x="690" y="1195"/>
                    <a:pt x="1028" y="722"/>
                    <a:pt x="1022" y="508"/>
                  </a:cubicBezTo>
                  <a:lnTo>
                    <a:pt x="1022" y="508"/>
                  </a:lnTo>
                  <a:cubicBezTo>
                    <a:pt x="1017" y="296"/>
                    <a:pt x="771" y="0"/>
                    <a:pt x="500" y="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5" name="Freeform 753">
              <a:extLst>
                <a:ext uri="{FF2B5EF4-FFF2-40B4-BE49-F238E27FC236}">
                  <a16:creationId xmlns:a16="http://schemas.microsoft.com/office/drawing/2014/main" id="{FEE3E412-016C-4F25-810D-4C7EEB65A143}"/>
                </a:ext>
              </a:extLst>
            </p:cNvPr>
            <p:cNvSpPr>
              <a:spLocks noChangeArrowheads="1"/>
            </p:cNvSpPr>
            <p:nvPr/>
          </p:nvSpPr>
          <p:spPr bwMode="auto">
            <a:xfrm>
              <a:off x="11641219" y="10384974"/>
              <a:ext cx="777399" cy="1143585"/>
            </a:xfrm>
            <a:custGeom>
              <a:avLst/>
              <a:gdLst>
                <a:gd name="T0" fmla="*/ 677 w 1143"/>
                <a:gd name="T1" fmla="*/ 56 h 1678"/>
                <a:gd name="T2" fmla="*/ 677 w 1143"/>
                <a:gd name="T3" fmla="*/ 56 h 1678"/>
                <a:gd name="T4" fmla="*/ 45 w 1143"/>
                <a:gd name="T5" fmla="*/ 485 h 1678"/>
                <a:gd name="T6" fmla="*/ 45 w 1143"/>
                <a:gd name="T7" fmla="*/ 485 h 1678"/>
                <a:gd name="T8" fmla="*/ 357 w 1143"/>
                <a:gd name="T9" fmla="*/ 1677 h 1678"/>
                <a:gd name="T10" fmla="*/ 357 w 1143"/>
                <a:gd name="T11" fmla="*/ 1677 h 1678"/>
                <a:gd name="T12" fmla="*/ 1099 w 1143"/>
                <a:gd name="T13" fmla="*/ 694 h 1678"/>
                <a:gd name="T14" fmla="*/ 1099 w 1143"/>
                <a:gd name="T15" fmla="*/ 694 h 1678"/>
                <a:gd name="T16" fmla="*/ 677 w 1143"/>
                <a:gd name="T17" fmla="*/ 56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43" h="1678">
                  <a:moveTo>
                    <a:pt x="677" y="56"/>
                  </a:moveTo>
                  <a:lnTo>
                    <a:pt x="677" y="56"/>
                  </a:lnTo>
                  <a:cubicBezTo>
                    <a:pt x="398" y="0"/>
                    <a:pt x="89" y="261"/>
                    <a:pt x="45" y="485"/>
                  </a:cubicBezTo>
                  <a:lnTo>
                    <a:pt x="45" y="485"/>
                  </a:lnTo>
                  <a:cubicBezTo>
                    <a:pt x="0" y="710"/>
                    <a:pt x="357" y="1677"/>
                    <a:pt x="357" y="1677"/>
                  </a:cubicBezTo>
                  <a:lnTo>
                    <a:pt x="357" y="1677"/>
                  </a:lnTo>
                  <a:cubicBezTo>
                    <a:pt x="598" y="1325"/>
                    <a:pt x="1055" y="915"/>
                    <a:pt x="1099" y="694"/>
                  </a:cubicBezTo>
                  <a:lnTo>
                    <a:pt x="1099" y="694"/>
                  </a:lnTo>
                  <a:cubicBezTo>
                    <a:pt x="1142" y="474"/>
                    <a:pt x="957" y="111"/>
                    <a:pt x="677" y="56"/>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6" name="Freeform 754">
              <a:extLst>
                <a:ext uri="{FF2B5EF4-FFF2-40B4-BE49-F238E27FC236}">
                  <a16:creationId xmlns:a16="http://schemas.microsoft.com/office/drawing/2014/main" id="{CAB3AA41-6A06-45F1-85A9-264C82DD363B}"/>
                </a:ext>
              </a:extLst>
            </p:cNvPr>
            <p:cNvSpPr>
              <a:spLocks noChangeArrowheads="1"/>
            </p:cNvSpPr>
            <p:nvPr/>
          </p:nvSpPr>
          <p:spPr bwMode="auto">
            <a:xfrm>
              <a:off x="11722260" y="10405983"/>
              <a:ext cx="636326" cy="933479"/>
            </a:xfrm>
            <a:custGeom>
              <a:avLst/>
              <a:gdLst>
                <a:gd name="T0" fmla="*/ 553 w 935"/>
                <a:gd name="T1" fmla="*/ 45 h 1371"/>
                <a:gd name="T2" fmla="*/ 553 w 935"/>
                <a:gd name="T3" fmla="*/ 45 h 1371"/>
                <a:gd name="T4" fmla="*/ 37 w 935"/>
                <a:gd name="T5" fmla="*/ 396 h 1371"/>
                <a:gd name="T6" fmla="*/ 37 w 935"/>
                <a:gd name="T7" fmla="*/ 396 h 1371"/>
                <a:gd name="T8" fmla="*/ 292 w 935"/>
                <a:gd name="T9" fmla="*/ 1370 h 1371"/>
                <a:gd name="T10" fmla="*/ 292 w 935"/>
                <a:gd name="T11" fmla="*/ 1370 h 1371"/>
                <a:gd name="T12" fmla="*/ 898 w 935"/>
                <a:gd name="T13" fmla="*/ 567 h 1371"/>
                <a:gd name="T14" fmla="*/ 898 w 935"/>
                <a:gd name="T15" fmla="*/ 567 h 1371"/>
                <a:gd name="T16" fmla="*/ 553 w 935"/>
                <a:gd name="T17" fmla="*/ 45 h 1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5" h="1371">
                  <a:moveTo>
                    <a:pt x="553" y="45"/>
                  </a:moveTo>
                  <a:lnTo>
                    <a:pt x="553" y="45"/>
                  </a:lnTo>
                  <a:cubicBezTo>
                    <a:pt x="325" y="0"/>
                    <a:pt x="73" y="212"/>
                    <a:pt x="37" y="396"/>
                  </a:cubicBezTo>
                  <a:lnTo>
                    <a:pt x="37" y="396"/>
                  </a:lnTo>
                  <a:cubicBezTo>
                    <a:pt x="0" y="579"/>
                    <a:pt x="292" y="1370"/>
                    <a:pt x="292" y="1370"/>
                  </a:cubicBezTo>
                  <a:lnTo>
                    <a:pt x="292" y="1370"/>
                  </a:lnTo>
                  <a:cubicBezTo>
                    <a:pt x="489" y="1082"/>
                    <a:pt x="862" y="747"/>
                    <a:pt x="898" y="567"/>
                  </a:cubicBezTo>
                  <a:lnTo>
                    <a:pt x="898" y="567"/>
                  </a:lnTo>
                  <a:cubicBezTo>
                    <a:pt x="934" y="386"/>
                    <a:pt x="782" y="90"/>
                    <a:pt x="553" y="45"/>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7" name="Freeform 755">
              <a:extLst>
                <a:ext uri="{FF2B5EF4-FFF2-40B4-BE49-F238E27FC236}">
                  <a16:creationId xmlns:a16="http://schemas.microsoft.com/office/drawing/2014/main" id="{76BF56EC-7221-4717-8A14-F120AE0883BA}"/>
                </a:ext>
              </a:extLst>
            </p:cNvPr>
            <p:cNvSpPr>
              <a:spLocks noChangeArrowheads="1"/>
            </p:cNvSpPr>
            <p:nvPr/>
          </p:nvSpPr>
          <p:spPr bwMode="auto">
            <a:xfrm>
              <a:off x="11809305" y="10411986"/>
              <a:ext cx="489252" cy="717368"/>
            </a:xfrm>
            <a:custGeom>
              <a:avLst/>
              <a:gdLst>
                <a:gd name="T0" fmla="*/ 426 w 720"/>
                <a:gd name="T1" fmla="*/ 34 h 1056"/>
                <a:gd name="T2" fmla="*/ 426 w 720"/>
                <a:gd name="T3" fmla="*/ 34 h 1056"/>
                <a:gd name="T4" fmla="*/ 28 w 720"/>
                <a:gd name="T5" fmla="*/ 304 h 1056"/>
                <a:gd name="T6" fmla="*/ 28 w 720"/>
                <a:gd name="T7" fmla="*/ 304 h 1056"/>
                <a:gd name="T8" fmla="*/ 225 w 720"/>
                <a:gd name="T9" fmla="*/ 1055 h 1056"/>
                <a:gd name="T10" fmla="*/ 225 w 720"/>
                <a:gd name="T11" fmla="*/ 1055 h 1056"/>
                <a:gd name="T12" fmla="*/ 691 w 720"/>
                <a:gd name="T13" fmla="*/ 436 h 1056"/>
                <a:gd name="T14" fmla="*/ 691 w 720"/>
                <a:gd name="T15" fmla="*/ 436 h 1056"/>
                <a:gd name="T16" fmla="*/ 426 w 720"/>
                <a:gd name="T17" fmla="*/ 34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0" h="1056">
                  <a:moveTo>
                    <a:pt x="426" y="34"/>
                  </a:moveTo>
                  <a:lnTo>
                    <a:pt x="426" y="34"/>
                  </a:lnTo>
                  <a:cubicBezTo>
                    <a:pt x="250" y="0"/>
                    <a:pt x="56" y="163"/>
                    <a:pt x="28" y="304"/>
                  </a:cubicBezTo>
                  <a:lnTo>
                    <a:pt x="28" y="304"/>
                  </a:lnTo>
                  <a:cubicBezTo>
                    <a:pt x="0" y="446"/>
                    <a:pt x="225" y="1055"/>
                    <a:pt x="225" y="1055"/>
                  </a:cubicBezTo>
                  <a:lnTo>
                    <a:pt x="225" y="1055"/>
                  </a:lnTo>
                  <a:cubicBezTo>
                    <a:pt x="376" y="834"/>
                    <a:pt x="664" y="575"/>
                    <a:pt x="691" y="436"/>
                  </a:cubicBezTo>
                  <a:lnTo>
                    <a:pt x="691" y="436"/>
                  </a:lnTo>
                  <a:cubicBezTo>
                    <a:pt x="719" y="297"/>
                    <a:pt x="602" y="70"/>
                    <a:pt x="426" y="34"/>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8" name="Freeform 756">
              <a:extLst>
                <a:ext uri="{FF2B5EF4-FFF2-40B4-BE49-F238E27FC236}">
                  <a16:creationId xmlns:a16="http://schemas.microsoft.com/office/drawing/2014/main" id="{691111FA-151E-4F8C-B79A-8D32D4444417}"/>
                </a:ext>
              </a:extLst>
            </p:cNvPr>
            <p:cNvSpPr>
              <a:spLocks noChangeArrowheads="1"/>
            </p:cNvSpPr>
            <p:nvPr/>
          </p:nvSpPr>
          <p:spPr bwMode="auto">
            <a:xfrm>
              <a:off x="12028417" y="10327943"/>
              <a:ext cx="504259" cy="705363"/>
            </a:xfrm>
            <a:custGeom>
              <a:avLst/>
              <a:gdLst>
                <a:gd name="T0" fmla="*/ 233 w 742"/>
                <a:gd name="T1" fmla="*/ 72 h 1036"/>
                <a:gd name="T2" fmla="*/ 233 w 742"/>
                <a:gd name="T3" fmla="*/ 72 h 1036"/>
                <a:gd name="T4" fmla="*/ 58 w 742"/>
                <a:gd name="T5" fmla="*/ 525 h 1036"/>
                <a:gd name="T6" fmla="*/ 58 w 742"/>
                <a:gd name="T7" fmla="*/ 525 h 1036"/>
                <a:gd name="T8" fmla="*/ 651 w 742"/>
                <a:gd name="T9" fmla="*/ 1035 h 1036"/>
                <a:gd name="T10" fmla="*/ 651 w 742"/>
                <a:gd name="T11" fmla="*/ 1035 h 1036"/>
                <a:gd name="T12" fmla="*/ 684 w 742"/>
                <a:gd name="T13" fmla="*/ 253 h 1036"/>
                <a:gd name="T14" fmla="*/ 684 w 742"/>
                <a:gd name="T15" fmla="*/ 253 h 1036"/>
                <a:gd name="T16" fmla="*/ 233 w 742"/>
                <a:gd name="T17" fmla="*/ 72 h 10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2" h="1036">
                  <a:moveTo>
                    <a:pt x="233" y="72"/>
                  </a:moveTo>
                  <a:lnTo>
                    <a:pt x="233" y="72"/>
                  </a:lnTo>
                  <a:cubicBezTo>
                    <a:pt x="67" y="144"/>
                    <a:pt x="0" y="392"/>
                    <a:pt x="58" y="525"/>
                  </a:cubicBezTo>
                  <a:lnTo>
                    <a:pt x="58" y="525"/>
                  </a:lnTo>
                  <a:cubicBezTo>
                    <a:pt x="115" y="659"/>
                    <a:pt x="651" y="1035"/>
                    <a:pt x="651" y="1035"/>
                  </a:cubicBezTo>
                  <a:lnTo>
                    <a:pt x="651" y="1035"/>
                  </a:lnTo>
                  <a:cubicBezTo>
                    <a:pt x="650" y="764"/>
                    <a:pt x="741" y="384"/>
                    <a:pt x="684" y="253"/>
                  </a:cubicBezTo>
                  <a:lnTo>
                    <a:pt x="684" y="253"/>
                  </a:lnTo>
                  <a:cubicBezTo>
                    <a:pt x="627" y="122"/>
                    <a:pt x="399" y="0"/>
                    <a:pt x="233" y="7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9" name="Freeform 757">
              <a:extLst>
                <a:ext uri="{FF2B5EF4-FFF2-40B4-BE49-F238E27FC236}">
                  <a16:creationId xmlns:a16="http://schemas.microsoft.com/office/drawing/2014/main" id="{F192231D-DB8F-460B-BF31-3CE8DCA7DAEE}"/>
                </a:ext>
              </a:extLst>
            </p:cNvPr>
            <p:cNvSpPr>
              <a:spLocks noChangeArrowheads="1"/>
            </p:cNvSpPr>
            <p:nvPr/>
          </p:nvSpPr>
          <p:spPr bwMode="auto">
            <a:xfrm>
              <a:off x="12061433" y="10345951"/>
              <a:ext cx="411211" cy="576295"/>
            </a:xfrm>
            <a:custGeom>
              <a:avLst/>
              <a:gdLst>
                <a:gd name="T0" fmla="*/ 190 w 606"/>
                <a:gd name="T1" fmla="*/ 59 h 846"/>
                <a:gd name="T2" fmla="*/ 190 w 606"/>
                <a:gd name="T3" fmla="*/ 59 h 846"/>
                <a:gd name="T4" fmla="*/ 47 w 606"/>
                <a:gd name="T5" fmla="*/ 429 h 846"/>
                <a:gd name="T6" fmla="*/ 47 w 606"/>
                <a:gd name="T7" fmla="*/ 429 h 846"/>
                <a:gd name="T8" fmla="*/ 532 w 606"/>
                <a:gd name="T9" fmla="*/ 845 h 846"/>
                <a:gd name="T10" fmla="*/ 532 w 606"/>
                <a:gd name="T11" fmla="*/ 845 h 846"/>
                <a:gd name="T12" fmla="*/ 559 w 606"/>
                <a:gd name="T13" fmla="*/ 207 h 846"/>
                <a:gd name="T14" fmla="*/ 559 w 606"/>
                <a:gd name="T15" fmla="*/ 207 h 846"/>
                <a:gd name="T16" fmla="*/ 190 w 606"/>
                <a:gd name="T17" fmla="*/ 59 h 8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6" h="846">
                  <a:moveTo>
                    <a:pt x="190" y="59"/>
                  </a:moveTo>
                  <a:lnTo>
                    <a:pt x="190" y="59"/>
                  </a:lnTo>
                  <a:cubicBezTo>
                    <a:pt x="54" y="118"/>
                    <a:pt x="0" y="320"/>
                    <a:pt x="47" y="429"/>
                  </a:cubicBezTo>
                  <a:lnTo>
                    <a:pt x="47" y="429"/>
                  </a:lnTo>
                  <a:cubicBezTo>
                    <a:pt x="94" y="538"/>
                    <a:pt x="532" y="845"/>
                    <a:pt x="532" y="845"/>
                  </a:cubicBezTo>
                  <a:lnTo>
                    <a:pt x="532" y="845"/>
                  </a:lnTo>
                  <a:cubicBezTo>
                    <a:pt x="531" y="624"/>
                    <a:pt x="605" y="314"/>
                    <a:pt x="559" y="207"/>
                  </a:cubicBezTo>
                  <a:lnTo>
                    <a:pt x="559" y="207"/>
                  </a:lnTo>
                  <a:cubicBezTo>
                    <a:pt x="512" y="99"/>
                    <a:pt x="326" y="0"/>
                    <a:pt x="190" y="5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0" name="Freeform 758">
              <a:extLst>
                <a:ext uri="{FF2B5EF4-FFF2-40B4-BE49-F238E27FC236}">
                  <a16:creationId xmlns:a16="http://schemas.microsoft.com/office/drawing/2014/main" id="{92A2D22F-13CB-4848-BB28-D974D7C72CA3}"/>
                </a:ext>
              </a:extLst>
            </p:cNvPr>
            <p:cNvSpPr>
              <a:spLocks noChangeArrowheads="1"/>
            </p:cNvSpPr>
            <p:nvPr/>
          </p:nvSpPr>
          <p:spPr bwMode="auto">
            <a:xfrm>
              <a:off x="12091450" y="10351954"/>
              <a:ext cx="318163" cy="444228"/>
            </a:xfrm>
            <a:custGeom>
              <a:avLst/>
              <a:gdLst>
                <a:gd name="T0" fmla="*/ 146 w 468"/>
                <a:gd name="T1" fmla="*/ 46 h 653"/>
                <a:gd name="T2" fmla="*/ 146 w 468"/>
                <a:gd name="T3" fmla="*/ 46 h 653"/>
                <a:gd name="T4" fmla="*/ 36 w 468"/>
                <a:gd name="T5" fmla="*/ 331 h 653"/>
                <a:gd name="T6" fmla="*/ 36 w 468"/>
                <a:gd name="T7" fmla="*/ 331 h 653"/>
                <a:gd name="T8" fmla="*/ 410 w 468"/>
                <a:gd name="T9" fmla="*/ 652 h 653"/>
                <a:gd name="T10" fmla="*/ 410 w 468"/>
                <a:gd name="T11" fmla="*/ 652 h 653"/>
                <a:gd name="T12" fmla="*/ 431 w 468"/>
                <a:gd name="T13" fmla="*/ 160 h 653"/>
                <a:gd name="T14" fmla="*/ 431 w 468"/>
                <a:gd name="T15" fmla="*/ 160 h 653"/>
                <a:gd name="T16" fmla="*/ 146 w 468"/>
                <a:gd name="T17" fmla="*/ 46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8" h="653">
                  <a:moveTo>
                    <a:pt x="146" y="46"/>
                  </a:moveTo>
                  <a:lnTo>
                    <a:pt x="146" y="46"/>
                  </a:lnTo>
                  <a:cubicBezTo>
                    <a:pt x="42" y="91"/>
                    <a:pt x="0" y="247"/>
                    <a:pt x="36" y="331"/>
                  </a:cubicBezTo>
                  <a:lnTo>
                    <a:pt x="36" y="331"/>
                  </a:lnTo>
                  <a:cubicBezTo>
                    <a:pt x="73" y="415"/>
                    <a:pt x="410" y="652"/>
                    <a:pt x="410" y="652"/>
                  </a:cubicBezTo>
                  <a:lnTo>
                    <a:pt x="410" y="652"/>
                  </a:lnTo>
                  <a:cubicBezTo>
                    <a:pt x="409" y="481"/>
                    <a:pt x="467" y="242"/>
                    <a:pt x="431" y="160"/>
                  </a:cubicBezTo>
                  <a:lnTo>
                    <a:pt x="431" y="160"/>
                  </a:lnTo>
                  <a:cubicBezTo>
                    <a:pt x="395" y="77"/>
                    <a:pt x="252" y="0"/>
                    <a:pt x="146" y="4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grpSp>
      <p:grpSp>
        <p:nvGrpSpPr>
          <p:cNvPr id="41" name="Group 40">
            <a:extLst>
              <a:ext uri="{FF2B5EF4-FFF2-40B4-BE49-F238E27FC236}">
                <a16:creationId xmlns:a16="http://schemas.microsoft.com/office/drawing/2014/main" id="{01738484-BC1C-4698-90C5-3528206A3C01}"/>
              </a:ext>
            </a:extLst>
          </p:cNvPr>
          <p:cNvGrpSpPr/>
          <p:nvPr/>
        </p:nvGrpSpPr>
        <p:grpSpPr>
          <a:xfrm>
            <a:off x="3971459" y="2259573"/>
            <a:ext cx="1198345" cy="1878014"/>
            <a:chOff x="10638704" y="5540488"/>
            <a:chExt cx="3132927" cy="4909838"/>
          </a:xfrm>
        </p:grpSpPr>
        <p:sp>
          <p:nvSpPr>
            <p:cNvPr id="42" name="Freeform 781">
              <a:extLst>
                <a:ext uri="{FF2B5EF4-FFF2-40B4-BE49-F238E27FC236}">
                  <a16:creationId xmlns:a16="http://schemas.microsoft.com/office/drawing/2014/main" id="{F0E555D7-7C44-4145-BE58-DF7FBC73C77B}"/>
                </a:ext>
              </a:extLst>
            </p:cNvPr>
            <p:cNvSpPr>
              <a:spLocks noChangeArrowheads="1"/>
            </p:cNvSpPr>
            <p:nvPr/>
          </p:nvSpPr>
          <p:spPr bwMode="auto">
            <a:xfrm>
              <a:off x="10638704" y="5540488"/>
              <a:ext cx="3132927" cy="3941546"/>
            </a:xfrm>
            <a:custGeom>
              <a:avLst/>
              <a:gdLst>
                <a:gd name="connsiteX0" fmla="*/ 1502865 w 3006383"/>
                <a:gd name="connsiteY0" fmla="*/ 0 h 3782342"/>
                <a:gd name="connsiteX1" fmla="*/ 3006383 w 3006383"/>
                <a:gd name="connsiteY1" fmla="*/ 1502881 h 3782342"/>
                <a:gd name="connsiteX2" fmla="*/ 3005555 w 3006383"/>
                <a:gd name="connsiteY2" fmla="*/ 1503934 h 3782342"/>
                <a:gd name="connsiteX3" fmla="*/ 2998135 w 3006383"/>
                <a:gd name="connsiteY3" fmla="*/ 1625546 h 3782342"/>
                <a:gd name="connsiteX4" fmla="*/ 2222674 w 3006383"/>
                <a:gd name="connsiteY4" fmla="*/ 3607440 h 3782342"/>
                <a:gd name="connsiteX5" fmla="*/ 864519 w 3006383"/>
                <a:gd name="connsiteY5" fmla="*/ 3536900 h 3782342"/>
                <a:gd name="connsiteX6" fmla="*/ 1 w 3006383"/>
                <a:gd name="connsiteY6" fmla="*/ 1503664 h 3782342"/>
                <a:gd name="connsiteX7" fmla="*/ 170 w 3006383"/>
                <a:gd name="connsiteY7" fmla="*/ 1503041 h 3782342"/>
                <a:gd name="connsiteX8" fmla="*/ 0 w 3006383"/>
                <a:gd name="connsiteY8" fmla="*/ 1502881 h 3782342"/>
                <a:gd name="connsiteX9" fmla="*/ 1502865 w 3006383"/>
                <a:gd name="connsiteY9" fmla="*/ 0 h 378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006383" h="3782342">
                  <a:moveTo>
                    <a:pt x="1502865" y="0"/>
                  </a:moveTo>
                  <a:cubicBezTo>
                    <a:pt x="2333000" y="0"/>
                    <a:pt x="3006383" y="672445"/>
                    <a:pt x="3006383" y="1502881"/>
                  </a:cubicBezTo>
                  <a:lnTo>
                    <a:pt x="3005555" y="1503934"/>
                  </a:lnTo>
                  <a:lnTo>
                    <a:pt x="2998135" y="1625546"/>
                  </a:lnTo>
                  <a:cubicBezTo>
                    <a:pt x="2925229" y="2229562"/>
                    <a:pt x="2338370" y="2761211"/>
                    <a:pt x="2222674" y="3607440"/>
                  </a:cubicBezTo>
                  <a:cubicBezTo>
                    <a:pt x="1360115" y="3811221"/>
                    <a:pt x="1400598" y="3893517"/>
                    <a:pt x="864519" y="3536900"/>
                  </a:cubicBezTo>
                  <a:cubicBezTo>
                    <a:pt x="617700" y="2555878"/>
                    <a:pt x="164547" y="2441578"/>
                    <a:pt x="1" y="1503664"/>
                  </a:cubicBezTo>
                  <a:lnTo>
                    <a:pt x="170" y="1503041"/>
                  </a:lnTo>
                  <a:lnTo>
                    <a:pt x="0" y="1502881"/>
                  </a:lnTo>
                  <a:cubicBezTo>
                    <a:pt x="0" y="672445"/>
                    <a:pt x="672730" y="0"/>
                    <a:pt x="1502865" y="0"/>
                  </a:cubicBezTo>
                  <a:close/>
                </a:path>
              </a:pathLst>
            </a:custGeom>
            <a:solidFill>
              <a:schemeClr val="bg1">
                <a:lumMod val="85000"/>
              </a:schemeClr>
            </a:solidFill>
            <a:ln>
              <a:noFill/>
            </a:ln>
            <a:effectLst/>
          </p:spPr>
          <p:txBody>
            <a:bodyPr wrap="square" lIns="34976" tIns="17488" rIns="34976" bIns="17488" anchor="t">
              <a:noAutofit/>
            </a:bodyPr>
            <a:lstStyle/>
            <a:p>
              <a:endParaRPr lang="en-US" sz="1350">
                <a:latin typeface="Lato Light" panose="020F0502020204030203" pitchFamily="34" charset="0"/>
              </a:endParaRPr>
            </a:p>
          </p:txBody>
        </p:sp>
        <p:sp>
          <p:nvSpPr>
            <p:cNvPr id="43" name="Freeform 780">
              <a:extLst>
                <a:ext uri="{FF2B5EF4-FFF2-40B4-BE49-F238E27FC236}">
                  <a16:creationId xmlns:a16="http://schemas.microsoft.com/office/drawing/2014/main" id="{D37109E4-C64F-4D57-B2A3-56620F5EE000}"/>
                </a:ext>
              </a:extLst>
            </p:cNvPr>
            <p:cNvSpPr>
              <a:spLocks noChangeArrowheads="1"/>
            </p:cNvSpPr>
            <p:nvPr/>
          </p:nvSpPr>
          <p:spPr bwMode="auto">
            <a:xfrm>
              <a:off x="11443116" y="9103314"/>
              <a:ext cx="1614148" cy="1347012"/>
            </a:xfrm>
            <a:custGeom>
              <a:avLst/>
              <a:gdLst>
                <a:gd name="connsiteX0" fmla="*/ 0 w 1548950"/>
                <a:gd name="connsiteY0" fmla="*/ 0 h 1292604"/>
                <a:gd name="connsiteX1" fmla="*/ 1548950 w 1548950"/>
                <a:gd name="connsiteY1" fmla="*/ 0 h 1292604"/>
                <a:gd name="connsiteX2" fmla="*/ 1548950 w 1548950"/>
                <a:gd name="connsiteY2" fmla="*/ 752362 h 1292604"/>
                <a:gd name="connsiteX3" fmla="*/ 1290247 w 1548950"/>
                <a:gd name="connsiteY3" fmla="*/ 1010334 h 1292604"/>
                <a:gd name="connsiteX4" fmla="*/ 1289721 w 1548950"/>
                <a:gd name="connsiteY4" fmla="*/ 1010334 h 1292604"/>
                <a:gd name="connsiteX5" fmla="*/ 1289721 w 1548950"/>
                <a:gd name="connsiteY5" fmla="*/ 1034638 h 1292604"/>
                <a:gd name="connsiteX6" fmla="*/ 1083177 w 1548950"/>
                <a:gd name="connsiteY6" fmla="*/ 1292604 h 1292604"/>
                <a:gd name="connsiteX7" fmla="*/ 462891 w 1548950"/>
                <a:gd name="connsiteY7" fmla="*/ 1292604 h 1292604"/>
                <a:gd name="connsiteX8" fmla="*/ 256347 w 1548950"/>
                <a:gd name="connsiteY8" fmla="*/ 1034638 h 1292604"/>
                <a:gd name="connsiteX9" fmla="*/ 256347 w 1548950"/>
                <a:gd name="connsiteY9" fmla="*/ 1010098 h 1292604"/>
                <a:gd name="connsiteX10" fmla="*/ 206510 w 1548950"/>
                <a:gd name="connsiteY10" fmla="*/ 1005116 h 1292604"/>
                <a:gd name="connsiteX11" fmla="*/ 0 w 1548950"/>
                <a:gd name="connsiteY11" fmla="*/ 752362 h 129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548950" h="1292604">
                  <a:moveTo>
                    <a:pt x="0" y="0"/>
                  </a:moveTo>
                  <a:lnTo>
                    <a:pt x="1548950" y="0"/>
                  </a:lnTo>
                  <a:lnTo>
                    <a:pt x="1548950" y="752362"/>
                  </a:lnTo>
                  <a:cubicBezTo>
                    <a:pt x="1548950" y="895390"/>
                    <a:pt x="1433317" y="1010334"/>
                    <a:pt x="1290247" y="1010334"/>
                  </a:cubicBezTo>
                  <a:lnTo>
                    <a:pt x="1289721" y="1010334"/>
                  </a:lnTo>
                  <a:lnTo>
                    <a:pt x="1289721" y="1034638"/>
                  </a:lnTo>
                  <a:cubicBezTo>
                    <a:pt x="1289721" y="1177009"/>
                    <a:pt x="1197561" y="1292604"/>
                    <a:pt x="1083177" y="1292604"/>
                  </a:cubicBezTo>
                  <a:lnTo>
                    <a:pt x="462891" y="1292604"/>
                  </a:lnTo>
                  <a:cubicBezTo>
                    <a:pt x="348508" y="1292604"/>
                    <a:pt x="256347" y="1177009"/>
                    <a:pt x="256347" y="1034638"/>
                  </a:cubicBezTo>
                  <a:lnTo>
                    <a:pt x="256347" y="1010098"/>
                  </a:lnTo>
                  <a:lnTo>
                    <a:pt x="206510" y="1005116"/>
                  </a:lnTo>
                  <a:cubicBezTo>
                    <a:pt x="88531" y="981159"/>
                    <a:pt x="0" y="877512"/>
                    <a:pt x="0" y="752362"/>
                  </a:cubicBezTo>
                  <a:close/>
                </a:path>
              </a:pathLst>
            </a:custGeom>
            <a:solidFill>
              <a:schemeClr val="bg1">
                <a:lumMod val="6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nvGrpSpPr>
            <p:cNvPr id="44" name="Group 43">
              <a:extLst>
                <a:ext uri="{FF2B5EF4-FFF2-40B4-BE49-F238E27FC236}">
                  <a16:creationId xmlns:a16="http://schemas.microsoft.com/office/drawing/2014/main" id="{92209257-6AE8-4AEC-A388-538A7461D1C5}"/>
                </a:ext>
              </a:extLst>
            </p:cNvPr>
            <p:cNvGrpSpPr/>
            <p:nvPr/>
          </p:nvGrpSpPr>
          <p:grpSpPr>
            <a:xfrm>
              <a:off x="11497144" y="7404444"/>
              <a:ext cx="1524781" cy="1791919"/>
              <a:chOff x="11771182" y="6757191"/>
              <a:chExt cx="1463193" cy="1719541"/>
            </a:xfrm>
          </p:grpSpPr>
          <p:sp>
            <p:nvSpPr>
              <p:cNvPr id="47" name="Freeform 761">
                <a:extLst>
                  <a:ext uri="{FF2B5EF4-FFF2-40B4-BE49-F238E27FC236}">
                    <a16:creationId xmlns:a16="http://schemas.microsoft.com/office/drawing/2014/main" id="{3A0CA4B7-FCBE-4DF5-972F-3E7B81461162}"/>
                  </a:ext>
                </a:extLst>
              </p:cNvPr>
              <p:cNvSpPr>
                <a:spLocks noChangeArrowheads="1"/>
              </p:cNvSpPr>
              <p:nvPr/>
            </p:nvSpPr>
            <p:spPr bwMode="auto">
              <a:xfrm>
                <a:off x="11771182" y="6757191"/>
                <a:ext cx="460848" cy="1719541"/>
              </a:xfrm>
              <a:custGeom>
                <a:avLst/>
                <a:gdLst>
                  <a:gd name="T0" fmla="*/ 0 w 705"/>
                  <a:gd name="T1" fmla="*/ 0 h 2633"/>
                  <a:gd name="T2" fmla="*/ 0 w 705"/>
                  <a:gd name="T3" fmla="*/ 0 h 2633"/>
                  <a:gd name="T4" fmla="*/ 569 w 705"/>
                  <a:gd name="T5" fmla="*/ 1373 h 2633"/>
                  <a:gd name="T6" fmla="*/ 569 w 705"/>
                  <a:gd name="T7" fmla="*/ 1373 h 2633"/>
                  <a:gd name="T8" fmla="*/ 704 w 705"/>
                  <a:gd name="T9" fmla="*/ 2632 h 2633"/>
                </a:gdLst>
                <a:ahLst/>
                <a:cxnLst>
                  <a:cxn ang="0">
                    <a:pos x="T0" y="T1"/>
                  </a:cxn>
                  <a:cxn ang="0">
                    <a:pos x="T2" y="T3"/>
                  </a:cxn>
                  <a:cxn ang="0">
                    <a:pos x="T4" y="T5"/>
                  </a:cxn>
                  <a:cxn ang="0">
                    <a:pos x="T6" y="T7"/>
                  </a:cxn>
                  <a:cxn ang="0">
                    <a:pos x="T8" y="T9"/>
                  </a:cxn>
                </a:cxnLst>
                <a:rect l="0" t="0" r="r" b="b"/>
                <a:pathLst>
                  <a:path w="705" h="2633">
                    <a:moveTo>
                      <a:pt x="0" y="0"/>
                    </a:moveTo>
                    <a:lnTo>
                      <a:pt x="0" y="0"/>
                    </a:lnTo>
                    <a:cubicBezTo>
                      <a:pt x="0" y="0"/>
                      <a:pt x="437" y="1002"/>
                      <a:pt x="569" y="1373"/>
                    </a:cubicBezTo>
                    <a:lnTo>
                      <a:pt x="569" y="1373"/>
                    </a:lnTo>
                    <a:cubicBezTo>
                      <a:pt x="700" y="1745"/>
                      <a:pt x="704" y="2632"/>
                      <a:pt x="704"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8" name="Freeform 762">
                <a:extLst>
                  <a:ext uri="{FF2B5EF4-FFF2-40B4-BE49-F238E27FC236}">
                    <a16:creationId xmlns:a16="http://schemas.microsoft.com/office/drawing/2014/main" id="{2B3FD0C0-DC8C-46A6-93B6-6E70822110A2}"/>
                  </a:ext>
                </a:extLst>
              </p:cNvPr>
              <p:cNvSpPr>
                <a:spLocks noChangeArrowheads="1"/>
              </p:cNvSpPr>
              <p:nvPr/>
            </p:nvSpPr>
            <p:spPr bwMode="auto">
              <a:xfrm>
                <a:off x="12773527" y="6757191"/>
                <a:ext cx="460848" cy="1719541"/>
              </a:xfrm>
              <a:custGeom>
                <a:avLst/>
                <a:gdLst>
                  <a:gd name="T0" fmla="*/ 704 w 705"/>
                  <a:gd name="T1" fmla="*/ 0 h 2633"/>
                  <a:gd name="T2" fmla="*/ 704 w 705"/>
                  <a:gd name="T3" fmla="*/ 0 h 2633"/>
                  <a:gd name="T4" fmla="*/ 136 w 705"/>
                  <a:gd name="T5" fmla="*/ 1373 h 2633"/>
                  <a:gd name="T6" fmla="*/ 136 w 705"/>
                  <a:gd name="T7" fmla="*/ 1373 h 2633"/>
                  <a:gd name="T8" fmla="*/ 0 w 705"/>
                  <a:gd name="T9" fmla="*/ 2632 h 2633"/>
                </a:gdLst>
                <a:ahLst/>
                <a:cxnLst>
                  <a:cxn ang="0">
                    <a:pos x="T0" y="T1"/>
                  </a:cxn>
                  <a:cxn ang="0">
                    <a:pos x="T2" y="T3"/>
                  </a:cxn>
                  <a:cxn ang="0">
                    <a:pos x="T4" y="T5"/>
                  </a:cxn>
                  <a:cxn ang="0">
                    <a:pos x="T6" y="T7"/>
                  </a:cxn>
                  <a:cxn ang="0">
                    <a:pos x="T8" y="T9"/>
                  </a:cxn>
                </a:cxnLst>
                <a:rect l="0" t="0" r="r" b="b"/>
                <a:pathLst>
                  <a:path w="705" h="2633">
                    <a:moveTo>
                      <a:pt x="704" y="0"/>
                    </a:moveTo>
                    <a:lnTo>
                      <a:pt x="704" y="0"/>
                    </a:lnTo>
                    <a:cubicBezTo>
                      <a:pt x="704" y="0"/>
                      <a:pt x="268" y="1002"/>
                      <a:pt x="136" y="1373"/>
                    </a:cubicBezTo>
                    <a:lnTo>
                      <a:pt x="136" y="1373"/>
                    </a:lnTo>
                    <a:cubicBezTo>
                      <a:pt x="4" y="1745"/>
                      <a:pt x="0" y="2632"/>
                      <a:pt x="0"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9" name="Freeform 783">
                <a:extLst>
                  <a:ext uri="{FF2B5EF4-FFF2-40B4-BE49-F238E27FC236}">
                    <a16:creationId xmlns:a16="http://schemas.microsoft.com/office/drawing/2014/main" id="{AE0F8A7D-F1EC-436B-91A5-317831211663}"/>
                  </a:ext>
                </a:extLst>
              </p:cNvPr>
              <p:cNvSpPr>
                <a:spLocks noChangeArrowheads="1"/>
              </p:cNvSpPr>
              <p:nvPr/>
            </p:nvSpPr>
            <p:spPr bwMode="auto">
              <a:xfrm>
                <a:off x="11903676" y="6797516"/>
                <a:ext cx="1200431" cy="393949"/>
              </a:xfrm>
              <a:custGeom>
                <a:avLst/>
                <a:gdLst>
                  <a:gd name="connsiteX0" fmla="*/ 1050199 w 1200431"/>
                  <a:gd name="connsiteY0" fmla="*/ 0 h 393949"/>
                  <a:gd name="connsiteX1" fmla="*/ 1200431 w 1200431"/>
                  <a:gd name="connsiteY1" fmla="*/ 197301 h 393949"/>
                  <a:gd name="connsiteX2" fmla="*/ 1050199 w 1200431"/>
                  <a:gd name="connsiteY2" fmla="*/ 393949 h 393949"/>
                  <a:gd name="connsiteX3" fmla="*/ 898654 w 1200431"/>
                  <a:gd name="connsiteY3" fmla="*/ 197301 h 393949"/>
                  <a:gd name="connsiteX4" fmla="*/ 1050199 w 1200431"/>
                  <a:gd name="connsiteY4" fmla="*/ 0 h 393949"/>
                  <a:gd name="connsiteX5" fmla="*/ 748878 w 1200431"/>
                  <a:gd name="connsiteY5" fmla="*/ 0 h 393949"/>
                  <a:gd name="connsiteX6" fmla="*/ 898003 w 1200431"/>
                  <a:gd name="connsiteY6" fmla="*/ 197301 h 393949"/>
                  <a:gd name="connsiteX7" fmla="*/ 748878 w 1200431"/>
                  <a:gd name="connsiteY7" fmla="*/ 393949 h 393949"/>
                  <a:gd name="connsiteX8" fmla="*/ 599103 w 1200431"/>
                  <a:gd name="connsiteY8" fmla="*/ 197301 h 393949"/>
                  <a:gd name="connsiteX9" fmla="*/ 748878 w 1200431"/>
                  <a:gd name="connsiteY9" fmla="*/ 0 h 393949"/>
                  <a:gd name="connsiteX10" fmla="*/ 449001 w 1200431"/>
                  <a:gd name="connsiteY10" fmla="*/ 0 h 393949"/>
                  <a:gd name="connsiteX11" fmla="*/ 598450 w 1200431"/>
                  <a:gd name="connsiteY11" fmla="*/ 197301 h 393949"/>
                  <a:gd name="connsiteX12" fmla="*/ 449001 w 1200431"/>
                  <a:gd name="connsiteY12" fmla="*/ 393949 h 393949"/>
                  <a:gd name="connsiteX13" fmla="*/ 299552 w 1200431"/>
                  <a:gd name="connsiteY13" fmla="*/ 197301 h 393949"/>
                  <a:gd name="connsiteX14" fmla="*/ 449001 w 1200431"/>
                  <a:gd name="connsiteY14" fmla="*/ 0 h 393949"/>
                  <a:gd name="connsiteX15" fmla="*/ 149124 w 1200431"/>
                  <a:gd name="connsiteY15" fmla="*/ 0 h 393949"/>
                  <a:gd name="connsiteX16" fmla="*/ 298900 w 1200431"/>
                  <a:gd name="connsiteY16" fmla="*/ 197301 h 393949"/>
                  <a:gd name="connsiteX17" fmla="*/ 149124 w 1200431"/>
                  <a:gd name="connsiteY17" fmla="*/ 393949 h 393949"/>
                  <a:gd name="connsiteX18" fmla="*/ 0 w 1200431"/>
                  <a:gd name="connsiteY18" fmla="*/ 197301 h 393949"/>
                  <a:gd name="connsiteX19" fmla="*/ 149124 w 1200431"/>
                  <a:gd name="connsiteY19" fmla="*/ 0 h 3939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200431" h="393949">
                    <a:moveTo>
                      <a:pt x="1050199" y="0"/>
                    </a:moveTo>
                    <a:cubicBezTo>
                      <a:pt x="1132859" y="0"/>
                      <a:pt x="1200431" y="88198"/>
                      <a:pt x="1200431" y="197301"/>
                    </a:cubicBezTo>
                    <a:cubicBezTo>
                      <a:pt x="1200431" y="305751"/>
                      <a:pt x="1132859" y="393949"/>
                      <a:pt x="1050199" y="393949"/>
                    </a:cubicBezTo>
                    <a:cubicBezTo>
                      <a:pt x="966882" y="393949"/>
                      <a:pt x="898654" y="305751"/>
                      <a:pt x="898654" y="197301"/>
                    </a:cubicBezTo>
                    <a:cubicBezTo>
                      <a:pt x="898654" y="88198"/>
                      <a:pt x="966882" y="0"/>
                      <a:pt x="1050199" y="0"/>
                    </a:cubicBezTo>
                    <a:close/>
                    <a:moveTo>
                      <a:pt x="748878" y="0"/>
                    </a:moveTo>
                    <a:cubicBezTo>
                      <a:pt x="831581" y="0"/>
                      <a:pt x="898003" y="88198"/>
                      <a:pt x="898003" y="197301"/>
                    </a:cubicBezTo>
                    <a:cubicBezTo>
                      <a:pt x="898003" y="305751"/>
                      <a:pt x="831581" y="393949"/>
                      <a:pt x="748878" y="393949"/>
                    </a:cubicBezTo>
                    <a:cubicBezTo>
                      <a:pt x="666176" y="393949"/>
                      <a:pt x="599103" y="305751"/>
                      <a:pt x="599103" y="197301"/>
                    </a:cubicBezTo>
                    <a:cubicBezTo>
                      <a:pt x="599103" y="88198"/>
                      <a:pt x="666176" y="0"/>
                      <a:pt x="748878" y="0"/>
                    </a:cubicBezTo>
                    <a:close/>
                    <a:moveTo>
                      <a:pt x="449001" y="0"/>
                    </a:moveTo>
                    <a:cubicBezTo>
                      <a:pt x="531231" y="0"/>
                      <a:pt x="598450" y="88198"/>
                      <a:pt x="598450" y="197301"/>
                    </a:cubicBezTo>
                    <a:cubicBezTo>
                      <a:pt x="598450" y="305751"/>
                      <a:pt x="531231" y="393949"/>
                      <a:pt x="449001" y="393949"/>
                    </a:cubicBezTo>
                    <a:cubicBezTo>
                      <a:pt x="366772" y="393949"/>
                      <a:pt x="299552" y="305751"/>
                      <a:pt x="299552" y="197301"/>
                    </a:cubicBezTo>
                    <a:cubicBezTo>
                      <a:pt x="299552" y="88198"/>
                      <a:pt x="366772" y="0"/>
                      <a:pt x="449001" y="0"/>
                    </a:cubicBezTo>
                    <a:close/>
                    <a:moveTo>
                      <a:pt x="149124" y="0"/>
                    </a:moveTo>
                    <a:cubicBezTo>
                      <a:pt x="231826" y="0"/>
                      <a:pt x="298900" y="88198"/>
                      <a:pt x="298900" y="197301"/>
                    </a:cubicBezTo>
                    <a:cubicBezTo>
                      <a:pt x="298900" y="305751"/>
                      <a:pt x="231826" y="393949"/>
                      <a:pt x="149124" y="393949"/>
                    </a:cubicBezTo>
                    <a:cubicBezTo>
                      <a:pt x="66422" y="393949"/>
                      <a:pt x="0" y="305751"/>
                      <a:pt x="0" y="197301"/>
                    </a:cubicBezTo>
                    <a:cubicBezTo>
                      <a:pt x="0" y="88198"/>
                      <a:pt x="66422" y="0"/>
                      <a:pt x="149124" y="0"/>
                    </a:cubicBezTo>
                    <a:close/>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sp>
          <p:nvSpPr>
            <p:cNvPr id="45" name="Freeform 769">
              <a:extLst>
                <a:ext uri="{FF2B5EF4-FFF2-40B4-BE49-F238E27FC236}">
                  <a16:creationId xmlns:a16="http://schemas.microsoft.com/office/drawing/2014/main" id="{93535CED-1284-4C57-A246-FE777573DA94}"/>
                </a:ext>
              </a:extLst>
            </p:cNvPr>
            <p:cNvSpPr>
              <a:spLocks noChangeArrowheads="1"/>
            </p:cNvSpPr>
            <p:nvPr/>
          </p:nvSpPr>
          <p:spPr bwMode="auto">
            <a:xfrm>
              <a:off x="11326058" y="5540490"/>
              <a:ext cx="2335197" cy="2653360"/>
            </a:xfrm>
            <a:custGeom>
              <a:avLst/>
              <a:gdLst>
                <a:gd name="T0" fmla="*/ 2521 w 3429"/>
                <a:gd name="T1" fmla="*/ 630 h 3897"/>
                <a:gd name="T2" fmla="*/ 2521 w 3429"/>
                <a:gd name="T3" fmla="*/ 630 h 3897"/>
                <a:gd name="T4" fmla="*/ 565 w 3429"/>
                <a:gd name="T5" fmla="*/ 420 h 3897"/>
                <a:gd name="T6" fmla="*/ 565 w 3429"/>
                <a:gd name="T7" fmla="*/ 420 h 3897"/>
                <a:gd name="T8" fmla="*/ 956 w 3429"/>
                <a:gd name="T9" fmla="*/ 1212 h 3897"/>
                <a:gd name="T10" fmla="*/ 956 w 3429"/>
                <a:gd name="T11" fmla="*/ 1212 h 3897"/>
                <a:gd name="T12" fmla="*/ 2718 w 3429"/>
                <a:gd name="T13" fmla="*/ 2194 h 3897"/>
                <a:gd name="T14" fmla="*/ 2718 w 3429"/>
                <a:gd name="T15" fmla="*/ 2194 h 3897"/>
                <a:gd name="T16" fmla="*/ 2866 w 3429"/>
                <a:gd name="T17" fmla="*/ 3717 h 3897"/>
                <a:gd name="T18" fmla="*/ 2866 w 3429"/>
                <a:gd name="T19" fmla="*/ 3717 h 3897"/>
                <a:gd name="T20" fmla="*/ 3368 w 3429"/>
                <a:gd name="T21" fmla="*/ 2387 h 3897"/>
                <a:gd name="T22" fmla="*/ 3368 w 3429"/>
                <a:gd name="T23" fmla="*/ 2387 h 3897"/>
                <a:gd name="T24" fmla="*/ 2521 w 3429"/>
                <a:gd name="T25" fmla="*/ 630 h 3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29" h="3897">
                  <a:moveTo>
                    <a:pt x="2521" y="630"/>
                  </a:moveTo>
                  <a:lnTo>
                    <a:pt x="2521" y="630"/>
                  </a:lnTo>
                  <a:cubicBezTo>
                    <a:pt x="2145" y="357"/>
                    <a:pt x="1132" y="0"/>
                    <a:pt x="565" y="420"/>
                  </a:cubicBezTo>
                  <a:lnTo>
                    <a:pt x="565" y="420"/>
                  </a:lnTo>
                  <a:cubicBezTo>
                    <a:pt x="0" y="837"/>
                    <a:pt x="549" y="1164"/>
                    <a:pt x="956" y="1212"/>
                  </a:cubicBezTo>
                  <a:lnTo>
                    <a:pt x="956" y="1212"/>
                  </a:lnTo>
                  <a:cubicBezTo>
                    <a:pt x="1537" y="1279"/>
                    <a:pt x="2414" y="1465"/>
                    <a:pt x="2718" y="2194"/>
                  </a:cubicBezTo>
                  <a:lnTo>
                    <a:pt x="2718" y="2194"/>
                  </a:lnTo>
                  <a:cubicBezTo>
                    <a:pt x="3125" y="3171"/>
                    <a:pt x="2790" y="3896"/>
                    <a:pt x="2866" y="3717"/>
                  </a:cubicBezTo>
                  <a:lnTo>
                    <a:pt x="2866" y="3717"/>
                  </a:lnTo>
                  <a:cubicBezTo>
                    <a:pt x="3078" y="3213"/>
                    <a:pt x="3308" y="2928"/>
                    <a:pt x="3368" y="2387"/>
                  </a:cubicBezTo>
                  <a:lnTo>
                    <a:pt x="3368" y="2387"/>
                  </a:lnTo>
                  <a:cubicBezTo>
                    <a:pt x="3428" y="1846"/>
                    <a:pt x="3043" y="1009"/>
                    <a:pt x="2521" y="630"/>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6" name="Freeform 779">
              <a:extLst>
                <a:ext uri="{FF2B5EF4-FFF2-40B4-BE49-F238E27FC236}">
                  <a16:creationId xmlns:a16="http://schemas.microsoft.com/office/drawing/2014/main" id="{6A24DF48-E53B-4CD1-955B-4B3B39AE976B}"/>
                </a:ext>
              </a:extLst>
            </p:cNvPr>
            <p:cNvSpPr>
              <a:spLocks noChangeArrowheads="1"/>
            </p:cNvSpPr>
            <p:nvPr/>
          </p:nvSpPr>
          <p:spPr bwMode="auto">
            <a:xfrm>
              <a:off x="11380086" y="9235382"/>
              <a:ext cx="1734208" cy="608625"/>
            </a:xfrm>
            <a:custGeom>
              <a:avLst/>
              <a:gdLst>
                <a:gd name="connsiteX0" fmla="*/ 38809 w 1664161"/>
                <a:gd name="connsiteY0" fmla="*/ 443566 h 584042"/>
                <a:gd name="connsiteX1" fmla="*/ 1628884 w 1664161"/>
                <a:gd name="connsiteY1" fmla="*/ 443566 h 584042"/>
                <a:gd name="connsiteX2" fmla="*/ 1664161 w 1664161"/>
                <a:gd name="connsiteY2" fmla="*/ 481158 h 584042"/>
                <a:gd name="connsiteX3" fmla="*/ 1664161 w 1664161"/>
                <a:gd name="connsiteY3" fmla="*/ 546450 h 584042"/>
                <a:gd name="connsiteX4" fmla="*/ 1628884 w 1664161"/>
                <a:gd name="connsiteY4" fmla="*/ 584042 h 584042"/>
                <a:gd name="connsiteX5" fmla="*/ 38809 w 1664161"/>
                <a:gd name="connsiteY5" fmla="*/ 584042 h 584042"/>
                <a:gd name="connsiteX6" fmla="*/ 2879 w 1664161"/>
                <a:gd name="connsiteY6" fmla="*/ 546450 h 584042"/>
                <a:gd name="connsiteX7" fmla="*/ 2879 w 1664161"/>
                <a:gd name="connsiteY7" fmla="*/ 481158 h 584042"/>
                <a:gd name="connsiteX8" fmla="*/ 38809 w 1664161"/>
                <a:gd name="connsiteY8" fmla="*/ 443566 h 584042"/>
                <a:gd name="connsiteX9" fmla="*/ 35291 w 1664161"/>
                <a:gd name="connsiteY9" fmla="*/ 221785 h 584042"/>
                <a:gd name="connsiteX10" fmla="*/ 1625990 w 1664161"/>
                <a:gd name="connsiteY10" fmla="*/ 221785 h 584042"/>
                <a:gd name="connsiteX11" fmla="*/ 1661280 w 1664161"/>
                <a:gd name="connsiteY11" fmla="*/ 259377 h 584042"/>
                <a:gd name="connsiteX12" fmla="*/ 1661280 w 1664161"/>
                <a:gd name="connsiteY12" fmla="*/ 324668 h 584042"/>
                <a:gd name="connsiteX13" fmla="*/ 1625990 w 1664161"/>
                <a:gd name="connsiteY13" fmla="*/ 362259 h 584042"/>
                <a:gd name="connsiteX14" fmla="*/ 35291 w 1664161"/>
                <a:gd name="connsiteY14" fmla="*/ 362259 h 584042"/>
                <a:gd name="connsiteX15" fmla="*/ 0 w 1664161"/>
                <a:gd name="connsiteY15" fmla="*/ 324668 h 584042"/>
                <a:gd name="connsiteX16" fmla="*/ 0 w 1664161"/>
                <a:gd name="connsiteY16" fmla="*/ 259377 h 584042"/>
                <a:gd name="connsiteX17" fmla="*/ 35291 w 1664161"/>
                <a:gd name="connsiteY17" fmla="*/ 221785 h 584042"/>
                <a:gd name="connsiteX18" fmla="*/ 35291 w 1664161"/>
                <a:gd name="connsiteY18" fmla="*/ 0 h 584042"/>
                <a:gd name="connsiteX19" fmla="*/ 1625990 w 1664161"/>
                <a:gd name="connsiteY19" fmla="*/ 0 h 584042"/>
                <a:gd name="connsiteX20" fmla="*/ 1661280 w 1664161"/>
                <a:gd name="connsiteY20" fmla="*/ 37592 h 584042"/>
                <a:gd name="connsiteX21" fmla="*/ 1661280 w 1664161"/>
                <a:gd name="connsiteY21" fmla="*/ 102884 h 584042"/>
                <a:gd name="connsiteX22" fmla="*/ 1625990 w 1664161"/>
                <a:gd name="connsiteY22" fmla="*/ 140476 h 584042"/>
                <a:gd name="connsiteX23" fmla="*/ 35291 w 1664161"/>
                <a:gd name="connsiteY23" fmla="*/ 140476 h 584042"/>
                <a:gd name="connsiteX24" fmla="*/ 0 w 1664161"/>
                <a:gd name="connsiteY24" fmla="*/ 102884 h 584042"/>
                <a:gd name="connsiteX25" fmla="*/ 0 w 1664161"/>
                <a:gd name="connsiteY25" fmla="*/ 37592 h 584042"/>
                <a:gd name="connsiteX26" fmla="*/ 35291 w 1664161"/>
                <a:gd name="connsiteY26" fmla="*/ 0 h 5840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664161" h="584042">
                  <a:moveTo>
                    <a:pt x="38809" y="443566"/>
                  </a:moveTo>
                  <a:lnTo>
                    <a:pt x="1628884" y="443566"/>
                  </a:lnTo>
                  <a:cubicBezTo>
                    <a:pt x="1648482" y="443566"/>
                    <a:pt x="1664161" y="460713"/>
                    <a:pt x="1664161" y="481158"/>
                  </a:cubicBezTo>
                  <a:lnTo>
                    <a:pt x="1664161" y="546450"/>
                  </a:lnTo>
                  <a:cubicBezTo>
                    <a:pt x="1664161" y="567555"/>
                    <a:pt x="1648482" y="584042"/>
                    <a:pt x="1628884" y="584042"/>
                  </a:cubicBezTo>
                  <a:lnTo>
                    <a:pt x="38809" y="584042"/>
                  </a:lnTo>
                  <a:cubicBezTo>
                    <a:pt x="19211" y="584042"/>
                    <a:pt x="2879" y="567555"/>
                    <a:pt x="2879" y="546450"/>
                  </a:cubicBezTo>
                  <a:lnTo>
                    <a:pt x="2879" y="481158"/>
                  </a:lnTo>
                  <a:cubicBezTo>
                    <a:pt x="2879" y="460713"/>
                    <a:pt x="19211" y="443566"/>
                    <a:pt x="38809" y="443566"/>
                  </a:cubicBezTo>
                  <a:close/>
                  <a:moveTo>
                    <a:pt x="35291" y="221785"/>
                  </a:moveTo>
                  <a:lnTo>
                    <a:pt x="1625990" y="221785"/>
                  </a:lnTo>
                  <a:cubicBezTo>
                    <a:pt x="1645596" y="221785"/>
                    <a:pt x="1661280" y="238932"/>
                    <a:pt x="1661280" y="259377"/>
                  </a:cubicBezTo>
                  <a:lnTo>
                    <a:pt x="1661280" y="324668"/>
                  </a:lnTo>
                  <a:cubicBezTo>
                    <a:pt x="1661280" y="345772"/>
                    <a:pt x="1645596" y="362259"/>
                    <a:pt x="1625990" y="362259"/>
                  </a:cubicBezTo>
                  <a:lnTo>
                    <a:pt x="35291" y="362259"/>
                  </a:lnTo>
                  <a:cubicBezTo>
                    <a:pt x="15685" y="362259"/>
                    <a:pt x="0" y="345772"/>
                    <a:pt x="0" y="324668"/>
                  </a:cubicBezTo>
                  <a:lnTo>
                    <a:pt x="0" y="259377"/>
                  </a:lnTo>
                  <a:cubicBezTo>
                    <a:pt x="0" y="238932"/>
                    <a:pt x="15685" y="221785"/>
                    <a:pt x="35291" y="221785"/>
                  </a:cubicBezTo>
                  <a:close/>
                  <a:moveTo>
                    <a:pt x="35291" y="0"/>
                  </a:moveTo>
                  <a:lnTo>
                    <a:pt x="1625990" y="0"/>
                  </a:lnTo>
                  <a:cubicBezTo>
                    <a:pt x="1645596" y="0"/>
                    <a:pt x="1661280" y="17147"/>
                    <a:pt x="1661280" y="37592"/>
                  </a:cubicBezTo>
                  <a:lnTo>
                    <a:pt x="1661280" y="102884"/>
                  </a:lnTo>
                  <a:cubicBezTo>
                    <a:pt x="1661280" y="123989"/>
                    <a:pt x="1645596" y="140476"/>
                    <a:pt x="1625990" y="140476"/>
                  </a:cubicBezTo>
                  <a:lnTo>
                    <a:pt x="35291" y="140476"/>
                  </a:lnTo>
                  <a:cubicBezTo>
                    <a:pt x="15685" y="140476"/>
                    <a:pt x="0" y="123989"/>
                    <a:pt x="0" y="102884"/>
                  </a:cubicBezTo>
                  <a:lnTo>
                    <a:pt x="0" y="37592"/>
                  </a:lnTo>
                  <a:cubicBezTo>
                    <a:pt x="0" y="17147"/>
                    <a:pt x="15685" y="0"/>
                    <a:pt x="35291" y="0"/>
                  </a:cubicBezTo>
                  <a:close/>
                </a:path>
              </a:pathLst>
            </a:custGeom>
            <a:solidFill>
              <a:schemeClr val="bg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50" name="Group 49">
            <a:extLst>
              <a:ext uri="{FF2B5EF4-FFF2-40B4-BE49-F238E27FC236}">
                <a16:creationId xmlns:a16="http://schemas.microsoft.com/office/drawing/2014/main" id="{688E6E8B-332F-4C28-9DE7-7686B1E29042}"/>
              </a:ext>
            </a:extLst>
          </p:cNvPr>
          <p:cNvGrpSpPr/>
          <p:nvPr/>
        </p:nvGrpSpPr>
        <p:grpSpPr>
          <a:xfrm>
            <a:off x="2197631" y="3090923"/>
            <a:ext cx="1037471" cy="993769"/>
            <a:chOff x="6001244" y="7713951"/>
            <a:chExt cx="2712340" cy="2598090"/>
          </a:xfrm>
        </p:grpSpPr>
        <p:sp>
          <p:nvSpPr>
            <p:cNvPr id="51" name="TextBox 50">
              <a:extLst>
                <a:ext uri="{FF2B5EF4-FFF2-40B4-BE49-F238E27FC236}">
                  <a16:creationId xmlns:a16="http://schemas.microsoft.com/office/drawing/2014/main" id="{23F9955B-88A6-4B39-8D7F-DBAC86C73931}"/>
                </a:ext>
              </a:extLst>
            </p:cNvPr>
            <p:cNvSpPr txBox="1"/>
            <p:nvPr/>
          </p:nvSpPr>
          <p:spPr>
            <a:xfrm>
              <a:off x="6944916" y="7713951"/>
              <a:ext cx="754624"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1</a:t>
              </a:r>
            </a:p>
          </p:txBody>
        </p:sp>
        <p:sp>
          <p:nvSpPr>
            <p:cNvPr id="52" name="Subtitle 2">
              <a:extLst>
                <a:ext uri="{FF2B5EF4-FFF2-40B4-BE49-F238E27FC236}">
                  <a16:creationId xmlns:a16="http://schemas.microsoft.com/office/drawing/2014/main" id="{3287B8AE-93C0-45EF-8BCA-03A8CE5AD247}"/>
                </a:ext>
              </a:extLst>
            </p:cNvPr>
            <p:cNvSpPr txBox="1">
              <a:spLocks/>
            </p:cNvSpPr>
            <p:nvPr/>
          </p:nvSpPr>
          <p:spPr>
            <a:xfrm>
              <a:off x="6321529" y="9234689"/>
              <a:ext cx="2392055" cy="1077352"/>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a:solidFill>
                    <a:schemeClr val="bg1"/>
                  </a:solidFill>
                  <a:latin typeface="Lato Light" panose="020F0502020204030203" pitchFamily="34" charset="0"/>
                  <a:ea typeface="Lato Light" panose="020F0502020204030203" pitchFamily="34" charset="0"/>
                  <a:cs typeface="Mukta ExtraLight" panose="020B0000000000000000" pitchFamily="34" charset="77"/>
                </a:rPr>
                <a:t>Aligned Enterprise, Conceptual, Logical and Physical data models.</a:t>
              </a:r>
            </a:p>
          </p:txBody>
        </p:sp>
        <p:sp>
          <p:nvSpPr>
            <p:cNvPr id="53" name="TextBox 52">
              <a:extLst>
                <a:ext uri="{FF2B5EF4-FFF2-40B4-BE49-F238E27FC236}">
                  <a16:creationId xmlns:a16="http://schemas.microsoft.com/office/drawing/2014/main" id="{F465614F-7722-4A1D-87A3-21BE41F22975}"/>
                </a:ext>
              </a:extLst>
            </p:cNvPr>
            <p:cNvSpPr txBox="1"/>
            <p:nvPr/>
          </p:nvSpPr>
          <p:spPr>
            <a:xfrm>
              <a:off x="6001244" y="8577761"/>
              <a:ext cx="2623744"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DEFINED DATA MODEL</a:t>
              </a:r>
            </a:p>
          </p:txBody>
        </p:sp>
        <p:cxnSp>
          <p:nvCxnSpPr>
            <p:cNvPr id="54" name="Straight Connector 53">
              <a:extLst>
                <a:ext uri="{FF2B5EF4-FFF2-40B4-BE49-F238E27FC236}">
                  <a16:creationId xmlns:a16="http://schemas.microsoft.com/office/drawing/2014/main" id="{32529167-1BC5-4C92-9EF0-220CA2B5AB77}"/>
                </a:ext>
              </a:extLst>
            </p:cNvPr>
            <p:cNvCxnSpPr/>
            <p:nvPr/>
          </p:nvCxnSpPr>
          <p:spPr>
            <a:xfrm>
              <a:off x="6386332" y="8569474"/>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B9D11E5C-B8BF-4349-958A-372620437EEA}"/>
              </a:ext>
            </a:extLst>
          </p:cNvPr>
          <p:cNvGrpSpPr/>
          <p:nvPr/>
        </p:nvGrpSpPr>
        <p:grpSpPr>
          <a:xfrm>
            <a:off x="2225611" y="1502865"/>
            <a:ext cx="932627" cy="1342183"/>
            <a:chOff x="6219469" y="7370312"/>
            <a:chExt cx="2438239" cy="3508974"/>
          </a:xfrm>
        </p:grpSpPr>
        <p:sp>
          <p:nvSpPr>
            <p:cNvPr id="56" name="TextBox 55">
              <a:extLst>
                <a:ext uri="{FF2B5EF4-FFF2-40B4-BE49-F238E27FC236}">
                  <a16:creationId xmlns:a16="http://schemas.microsoft.com/office/drawing/2014/main" id="{FC139D5B-7452-4BC9-8E3A-BAE1A5C03A86}"/>
                </a:ext>
              </a:extLst>
            </p:cNvPr>
            <p:cNvSpPr txBox="1"/>
            <p:nvPr/>
          </p:nvSpPr>
          <p:spPr>
            <a:xfrm>
              <a:off x="7259225" y="7370312"/>
              <a:ext cx="754624" cy="769409"/>
            </a:xfrm>
            <a:prstGeom prst="rect">
              <a:avLst/>
            </a:prstGeom>
            <a:noFill/>
          </p:spPr>
          <p:txBody>
            <a:bodyPr wrap="none" lIns="34976" tIns="17488" rIns="34976" bIns="17488" rtlCol="0">
              <a:spAutoFit/>
            </a:bodyPr>
            <a:lstStyle/>
            <a:p>
              <a:pPr algn="ctr"/>
              <a:r>
                <a:rPr lang="en-US" sz="1683" dirty="0">
                  <a:solidFill>
                    <a:schemeClr val="bg1"/>
                  </a:solidFill>
                  <a:latin typeface="Poppins" pitchFamily="2" charset="77"/>
                  <a:cs typeface="Poppins" pitchFamily="2" charset="77"/>
                </a:rPr>
                <a:t>02</a:t>
              </a:r>
            </a:p>
          </p:txBody>
        </p:sp>
        <p:sp>
          <p:nvSpPr>
            <p:cNvPr id="57" name="Subtitle 2">
              <a:extLst>
                <a:ext uri="{FF2B5EF4-FFF2-40B4-BE49-F238E27FC236}">
                  <a16:creationId xmlns:a16="http://schemas.microsoft.com/office/drawing/2014/main" id="{A0DD6575-A2FC-4BAB-8D96-C96DA026A85F}"/>
                </a:ext>
              </a:extLst>
            </p:cNvPr>
            <p:cNvSpPr txBox="1">
              <a:spLocks/>
            </p:cNvSpPr>
            <p:nvPr/>
          </p:nvSpPr>
          <p:spPr>
            <a:xfrm>
              <a:off x="6219469" y="9063169"/>
              <a:ext cx="2288443" cy="1816117"/>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dirty="0">
                  <a:solidFill>
                    <a:schemeClr val="bg1"/>
                  </a:solidFill>
                  <a:latin typeface="Lato Light" panose="020F0502020204030203" pitchFamily="34" charset="0"/>
                  <a:ea typeface="Lato Light" panose="020F0502020204030203" pitchFamily="34" charset="0"/>
                  <a:cs typeface="Mukta ExtraLight" panose="020B0000000000000000" pitchFamily="34" charset="77"/>
                </a:rPr>
                <a:t>Clear ownership of each data domain controlling access and changes to structure. Agreed group acting as data stewards</a:t>
              </a:r>
            </a:p>
          </p:txBody>
        </p:sp>
        <p:sp>
          <p:nvSpPr>
            <p:cNvPr id="58" name="TextBox 57">
              <a:extLst>
                <a:ext uri="{FF2B5EF4-FFF2-40B4-BE49-F238E27FC236}">
                  <a16:creationId xmlns:a16="http://schemas.microsoft.com/office/drawing/2014/main" id="{13AC2E73-E07C-4E75-AAB3-6413940AFD6D}"/>
                </a:ext>
              </a:extLst>
            </p:cNvPr>
            <p:cNvSpPr txBox="1"/>
            <p:nvPr/>
          </p:nvSpPr>
          <p:spPr>
            <a:xfrm>
              <a:off x="6754815" y="8151721"/>
              <a:ext cx="1752046" cy="707887"/>
            </a:xfrm>
            <a:prstGeom prst="rect">
              <a:avLst/>
            </a:prstGeom>
            <a:noFill/>
          </p:spPr>
          <p:txBody>
            <a:bodyPr wrap="none" lIns="34976" tIns="17488" rIns="34976" bIns="17488" rtlCol="0" anchor="ctr" anchorCtr="0">
              <a:spAutoFit/>
            </a:bodyPr>
            <a:lstStyle/>
            <a:p>
              <a:pPr>
                <a:spcAft>
                  <a:spcPts val="0"/>
                </a:spcAft>
              </a:pPr>
              <a:r>
                <a:rPr lang="en-US" sz="765" dirty="0">
                  <a:solidFill>
                    <a:schemeClr val="bg1"/>
                  </a:solidFill>
                  <a:latin typeface="Poppins" pitchFamily="2" charset="77"/>
                  <a:ea typeface="League Spartan" charset="0"/>
                  <a:cs typeface="Poppins" pitchFamily="2" charset="77"/>
                </a:rPr>
                <a:t>OWNERSHIP &amp;</a:t>
              </a:r>
            </a:p>
            <a:p>
              <a:r>
                <a:rPr lang="en-US" sz="765" dirty="0">
                  <a:solidFill>
                    <a:schemeClr val="bg1"/>
                  </a:solidFill>
                  <a:latin typeface="Poppins" pitchFamily="2" charset="77"/>
                  <a:ea typeface="League Spartan" charset="0"/>
                  <a:cs typeface="Poppins" pitchFamily="2" charset="77"/>
                </a:rPr>
                <a:t> GOVERNANCE</a:t>
              </a:r>
            </a:p>
          </p:txBody>
        </p:sp>
        <p:cxnSp>
          <p:nvCxnSpPr>
            <p:cNvPr id="59" name="Straight Connector 58">
              <a:extLst>
                <a:ext uri="{FF2B5EF4-FFF2-40B4-BE49-F238E27FC236}">
                  <a16:creationId xmlns:a16="http://schemas.microsoft.com/office/drawing/2014/main" id="{1B8F9846-4857-46BF-99D4-C7A01E08EFE7}"/>
                </a:ext>
              </a:extLst>
            </p:cNvPr>
            <p:cNvCxnSpPr/>
            <p:nvPr/>
          </p:nvCxnSpPr>
          <p:spPr>
            <a:xfrm>
              <a:off x="6816716" y="8132734"/>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037FAC6E-D0BE-4B77-9E77-E1F27E11F9D3}"/>
              </a:ext>
            </a:extLst>
          </p:cNvPr>
          <p:cNvGrpSpPr/>
          <p:nvPr/>
        </p:nvGrpSpPr>
        <p:grpSpPr>
          <a:xfrm>
            <a:off x="3238975" y="619016"/>
            <a:ext cx="1274631" cy="1079585"/>
            <a:chOff x="5944257" y="8197565"/>
            <a:chExt cx="3332362" cy="2822447"/>
          </a:xfrm>
        </p:grpSpPr>
        <p:sp>
          <p:nvSpPr>
            <p:cNvPr id="61" name="TextBox 60">
              <a:extLst>
                <a:ext uri="{FF2B5EF4-FFF2-40B4-BE49-F238E27FC236}">
                  <a16:creationId xmlns:a16="http://schemas.microsoft.com/office/drawing/2014/main" id="{7A97D0F7-3EDD-44BB-BD7B-BC0300360C88}"/>
                </a:ext>
              </a:extLst>
            </p:cNvPr>
            <p:cNvSpPr txBox="1"/>
            <p:nvPr/>
          </p:nvSpPr>
          <p:spPr>
            <a:xfrm>
              <a:off x="7210101" y="8197565"/>
              <a:ext cx="754624" cy="76941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3</a:t>
              </a:r>
            </a:p>
          </p:txBody>
        </p:sp>
        <p:sp>
          <p:nvSpPr>
            <p:cNvPr id="62" name="Subtitle 2">
              <a:extLst>
                <a:ext uri="{FF2B5EF4-FFF2-40B4-BE49-F238E27FC236}">
                  <a16:creationId xmlns:a16="http://schemas.microsoft.com/office/drawing/2014/main" id="{A315A3BA-2104-48EA-88DE-4419224DC106}"/>
                </a:ext>
              </a:extLst>
            </p:cNvPr>
            <p:cNvSpPr txBox="1">
              <a:spLocks/>
            </p:cNvSpPr>
            <p:nvPr/>
          </p:nvSpPr>
          <p:spPr>
            <a:xfrm>
              <a:off x="5995216" y="9696403"/>
              <a:ext cx="3281403" cy="1323609"/>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dirty="0">
                  <a:solidFill>
                    <a:schemeClr val="bg1"/>
                  </a:solidFill>
                  <a:latin typeface="Lato Light" panose="020F0502020204030203" pitchFamily="34" charset="0"/>
                  <a:ea typeface="Lato Light" panose="020F0502020204030203" pitchFamily="34" charset="0"/>
                  <a:cs typeface="Mukta ExtraLight" panose="020B0000000000000000" pitchFamily="34" charset="77"/>
                </a:rPr>
                <a:t>Documented business rules in place in order to derive what information should be classed as master and have the ability to handle exceptions.</a:t>
              </a:r>
            </a:p>
          </p:txBody>
        </p:sp>
        <p:sp>
          <p:nvSpPr>
            <p:cNvPr id="63" name="TextBox 62">
              <a:extLst>
                <a:ext uri="{FF2B5EF4-FFF2-40B4-BE49-F238E27FC236}">
                  <a16:creationId xmlns:a16="http://schemas.microsoft.com/office/drawing/2014/main" id="{C3945039-122B-4441-859D-A93DC3CBE9B1}"/>
                </a:ext>
              </a:extLst>
            </p:cNvPr>
            <p:cNvSpPr txBox="1"/>
            <p:nvPr/>
          </p:nvSpPr>
          <p:spPr>
            <a:xfrm>
              <a:off x="5944257" y="8906742"/>
              <a:ext cx="3172746" cy="707888"/>
            </a:xfrm>
            <a:prstGeom prst="rect">
              <a:avLst/>
            </a:prstGeom>
            <a:noFill/>
          </p:spPr>
          <p:txBody>
            <a:bodyPr wrap="none" lIns="34976" tIns="17488" rIns="34976" bIns="17488" rtlCol="0" anchor="ctr" anchorCtr="0">
              <a:spAutoFit/>
            </a:bodyPr>
            <a:lstStyle/>
            <a:p>
              <a:pPr>
                <a:spcAft>
                  <a:spcPts val="0"/>
                </a:spcAft>
              </a:pPr>
              <a:r>
                <a:rPr lang="en-US" sz="765" dirty="0">
                  <a:solidFill>
                    <a:schemeClr val="bg1"/>
                  </a:solidFill>
                  <a:latin typeface="Poppins" pitchFamily="2" charset="77"/>
                  <a:ea typeface="League Spartan" charset="0"/>
                  <a:cs typeface="Poppins" pitchFamily="2" charset="77"/>
                </a:rPr>
                <a:t>DEFINED BUSINESS RULES &amp;</a:t>
              </a:r>
            </a:p>
            <a:p>
              <a:pPr>
                <a:spcAft>
                  <a:spcPts val="0"/>
                </a:spcAft>
              </a:pPr>
              <a:r>
                <a:rPr lang="en-US" sz="765" dirty="0">
                  <a:solidFill>
                    <a:schemeClr val="bg1"/>
                  </a:solidFill>
                  <a:latin typeface="Poppins" pitchFamily="2" charset="77"/>
                  <a:ea typeface="League Spartan" charset="0"/>
                  <a:cs typeface="Poppins" pitchFamily="2" charset="77"/>
                </a:rPr>
                <a:t> CONTROLS</a:t>
              </a:r>
            </a:p>
          </p:txBody>
        </p:sp>
        <p:cxnSp>
          <p:nvCxnSpPr>
            <p:cNvPr id="64" name="Straight Connector 63">
              <a:extLst>
                <a:ext uri="{FF2B5EF4-FFF2-40B4-BE49-F238E27FC236}">
                  <a16:creationId xmlns:a16="http://schemas.microsoft.com/office/drawing/2014/main" id="{7811B253-19C2-431B-8241-04A183C78DD7}"/>
                </a:ext>
              </a:extLst>
            </p:cNvPr>
            <p:cNvCxnSpPr/>
            <p:nvPr/>
          </p:nvCxnSpPr>
          <p:spPr>
            <a:xfrm>
              <a:off x="6583464" y="8851632"/>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5" name="Group 64">
            <a:extLst>
              <a:ext uri="{FF2B5EF4-FFF2-40B4-BE49-F238E27FC236}">
                <a16:creationId xmlns:a16="http://schemas.microsoft.com/office/drawing/2014/main" id="{9AB61BA2-BD61-412E-BE78-D8E943D72E94}"/>
              </a:ext>
            </a:extLst>
          </p:cNvPr>
          <p:cNvGrpSpPr/>
          <p:nvPr/>
        </p:nvGrpSpPr>
        <p:grpSpPr>
          <a:xfrm>
            <a:off x="4647731" y="599601"/>
            <a:ext cx="1301495" cy="901486"/>
            <a:chOff x="5720813" y="7934920"/>
            <a:chExt cx="3402600" cy="2356827"/>
          </a:xfrm>
        </p:grpSpPr>
        <p:sp>
          <p:nvSpPr>
            <p:cNvPr id="66" name="TextBox 65">
              <a:extLst>
                <a:ext uri="{FF2B5EF4-FFF2-40B4-BE49-F238E27FC236}">
                  <a16:creationId xmlns:a16="http://schemas.microsoft.com/office/drawing/2014/main" id="{B1948C01-1A4B-4389-922B-ED0482C0BCB0}"/>
                </a:ext>
              </a:extLst>
            </p:cNvPr>
            <p:cNvSpPr txBox="1"/>
            <p:nvPr/>
          </p:nvSpPr>
          <p:spPr>
            <a:xfrm>
              <a:off x="6549074" y="7934920"/>
              <a:ext cx="754625"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4</a:t>
              </a:r>
            </a:p>
          </p:txBody>
        </p:sp>
        <p:sp>
          <p:nvSpPr>
            <p:cNvPr id="67" name="Subtitle 2">
              <a:extLst>
                <a:ext uri="{FF2B5EF4-FFF2-40B4-BE49-F238E27FC236}">
                  <a16:creationId xmlns:a16="http://schemas.microsoft.com/office/drawing/2014/main" id="{5B7FF17A-1518-4D1E-8A13-1810BF3517B2}"/>
                </a:ext>
              </a:extLst>
            </p:cNvPr>
            <p:cNvSpPr txBox="1">
              <a:spLocks/>
            </p:cNvSpPr>
            <p:nvPr/>
          </p:nvSpPr>
          <p:spPr>
            <a:xfrm>
              <a:off x="5770078" y="9214395"/>
              <a:ext cx="3353335" cy="1077352"/>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dirty="0">
                  <a:solidFill>
                    <a:schemeClr val="bg1"/>
                  </a:solidFill>
                  <a:latin typeface="Lato Light" panose="020F0502020204030203" pitchFamily="34" charset="0"/>
                  <a:ea typeface="Lato Light" panose="020F0502020204030203" pitchFamily="34" charset="0"/>
                  <a:cs typeface="Mukta ExtraLight" panose="020B0000000000000000" pitchFamily="34" charset="77"/>
                </a:rPr>
                <a:t>Have a defined master record for each data domain with a unique immutable identifier.  Built from an aggregation of source info</a:t>
              </a:r>
            </a:p>
          </p:txBody>
        </p:sp>
        <p:sp>
          <p:nvSpPr>
            <p:cNvPr id="68" name="TextBox 67">
              <a:extLst>
                <a:ext uri="{FF2B5EF4-FFF2-40B4-BE49-F238E27FC236}">
                  <a16:creationId xmlns:a16="http://schemas.microsoft.com/office/drawing/2014/main" id="{54677C2D-33A7-4A95-870F-0F623380C0FF}"/>
                </a:ext>
              </a:extLst>
            </p:cNvPr>
            <p:cNvSpPr txBox="1"/>
            <p:nvPr/>
          </p:nvSpPr>
          <p:spPr>
            <a:xfrm>
              <a:off x="5720813" y="8654251"/>
              <a:ext cx="3055406"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TRUSTED GOLDEN RECORD</a:t>
              </a:r>
            </a:p>
          </p:txBody>
        </p:sp>
        <p:cxnSp>
          <p:nvCxnSpPr>
            <p:cNvPr id="69" name="Straight Connector 68">
              <a:extLst>
                <a:ext uri="{FF2B5EF4-FFF2-40B4-BE49-F238E27FC236}">
                  <a16:creationId xmlns:a16="http://schemas.microsoft.com/office/drawing/2014/main" id="{A84C234B-0DA1-4F92-9FB9-B7B3AB11B6D7}"/>
                </a:ext>
              </a:extLst>
            </p:cNvPr>
            <p:cNvCxnSpPr/>
            <p:nvPr/>
          </p:nvCxnSpPr>
          <p:spPr>
            <a:xfrm>
              <a:off x="5888267" y="8618588"/>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0" name="Group 69">
            <a:extLst>
              <a:ext uri="{FF2B5EF4-FFF2-40B4-BE49-F238E27FC236}">
                <a16:creationId xmlns:a16="http://schemas.microsoft.com/office/drawing/2014/main" id="{49766A33-487D-4A64-BD1B-E1C48EF15854}"/>
              </a:ext>
            </a:extLst>
          </p:cNvPr>
          <p:cNvGrpSpPr/>
          <p:nvPr/>
        </p:nvGrpSpPr>
        <p:grpSpPr>
          <a:xfrm>
            <a:off x="5842151" y="1493905"/>
            <a:ext cx="1222874" cy="1303295"/>
            <a:chOff x="6029634" y="7346893"/>
            <a:chExt cx="3197059" cy="3407308"/>
          </a:xfrm>
        </p:grpSpPr>
        <p:sp>
          <p:nvSpPr>
            <p:cNvPr id="71" name="TextBox 70">
              <a:extLst>
                <a:ext uri="{FF2B5EF4-FFF2-40B4-BE49-F238E27FC236}">
                  <a16:creationId xmlns:a16="http://schemas.microsoft.com/office/drawing/2014/main" id="{963B13DA-2876-4F2B-A42C-6A65E8DA340A}"/>
                </a:ext>
              </a:extLst>
            </p:cNvPr>
            <p:cNvSpPr txBox="1"/>
            <p:nvPr/>
          </p:nvSpPr>
          <p:spPr>
            <a:xfrm>
              <a:off x="6936589" y="7346893"/>
              <a:ext cx="754626"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5</a:t>
              </a:r>
            </a:p>
          </p:txBody>
        </p:sp>
        <p:sp>
          <p:nvSpPr>
            <p:cNvPr id="72" name="Subtitle 2">
              <a:extLst>
                <a:ext uri="{FF2B5EF4-FFF2-40B4-BE49-F238E27FC236}">
                  <a16:creationId xmlns:a16="http://schemas.microsoft.com/office/drawing/2014/main" id="{1CB4F336-3A1F-4A28-9DF2-9BFFB1434F7A}"/>
                </a:ext>
              </a:extLst>
            </p:cNvPr>
            <p:cNvSpPr txBox="1">
              <a:spLocks/>
            </p:cNvSpPr>
            <p:nvPr/>
          </p:nvSpPr>
          <p:spPr>
            <a:xfrm>
              <a:off x="6442408" y="9430593"/>
              <a:ext cx="2784285" cy="1323608"/>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dirty="0">
                  <a:solidFill>
                    <a:schemeClr val="bg1"/>
                  </a:solidFill>
                  <a:latin typeface="Lato Light" panose="020F0502020204030203" pitchFamily="34" charset="0"/>
                  <a:ea typeface="Lato Light" panose="020F0502020204030203" pitchFamily="34" charset="0"/>
                  <a:cs typeface="Mukta ExtraLight" panose="020B0000000000000000" pitchFamily="34" charset="77"/>
                </a:rPr>
                <a:t>Have one trusted repository for all master data with pointers to relevant source system for related transactional data</a:t>
              </a:r>
            </a:p>
          </p:txBody>
        </p:sp>
        <p:sp>
          <p:nvSpPr>
            <p:cNvPr id="73" name="TextBox 72">
              <a:extLst>
                <a:ext uri="{FF2B5EF4-FFF2-40B4-BE49-F238E27FC236}">
                  <a16:creationId xmlns:a16="http://schemas.microsoft.com/office/drawing/2014/main" id="{2EC18AD6-129C-44F3-BDF1-4E43060CC984}"/>
                </a:ext>
              </a:extLst>
            </p:cNvPr>
            <p:cNvSpPr txBox="1"/>
            <p:nvPr/>
          </p:nvSpPr>
          <p:spPr>
            <a:xfrm>
              <a:off x="6029634" y="8140755"/>
              <a:ext cx="2548313" cy="1015663"/>
            </a:xfrm>
            <a:prstGeom prst="rect">
              <a:avLst/>
            </a:prstGeom>
            <a:noFill/>
          </p:spPr>
          <p:txBody>
            <a:bodyPr wrap="none" lIns="34976" tIns="17488" rIns="34976" bIns="17488" rtlCol="0" anchor="ctr" anchorCtr="0">
              <a:spAutoFit/>
            </a:bodyPr>
            <a:lstStyle/>
            <a:p>
              <a:pPr algn="ctr">
                <a:spcAft>
                  <a:spcPts val="0"/>
                </a:spcAft>
              </a:pPr>
              <a:r>
                <a:rPr lang="en-US" sz="765" dirty="0">
                  <a:solidFill>
                    <a:schemeClr val="bg1"/>
                  </a:solidFill>
                  <a:latin typeface="Poppins" pitchFamily="2" charset="77"/>
                  <a:ea typeface="League Spartan" charset="0"/>
                  <a:cs typeface="Poppins" pitchFamily="2" charset="77"/>
                </a:rPr>
                <a:t>SINGLE MASTER DATA</a:t>
              </a:r>
            </a:p>
            <a:p>
              <a:pPr algn="ctr">
                <a:spcAft>
                  <a:spcPts val="0"/>
                </a:spcAft>
              </a:pPr>
              <a:r>
                <a:rPr lang="en-US" sz="765" dirty="0">
                  <a:solidFill>
                    <a:schemeClr val="bg1"/>
                  </a:solidFill>
                  <a:latin typeface="Poppins" pitchFamily="2" charset="77"/>
                  <a:ea typeface="League Spartan" charset="0"/>
                  <a:cs typeface="Poppins" pitchFamily="2" charset="77"/>
                </a:rPr>
                <a:t>SOURCE FOR </a:t>
              </a:r>
            </a:p>
            <a:p>
              <a:pPr algn="ctr">
                <a:spcAft>
                  <a:spcPts val="0"/>
                </a:spcAft>
              </a:pPr>
              <a:r>
                <a:rPr lang="en-US" sz="765" dirty="0">
                  <a:solidFill>
                    <a:schemeClr val="bg1"/>
                  </a:solidFill>
                  <a:latin typeface="Poppins" pitchFamily="2" charset="77"/>
                  <a:ea typeface="League Spartan" charset="0"/>
                  <a:cs typeface="Poppins" pitchFamily="2" charset="77"/>
                </a:rPr>
                <a:t>CONSUMERS</a:t>
              </a:r>
            </a:p>
          </p:txBody>
        </p:sp>
        <p:cxnSp>
          <p:nvCxnSpPr>
            <p:cNvPr id="74" name="Straight Connector 73">
              <a:extLst>
                <a:ext uri="{FF2B5EF4-FFF2-40B4-BE49-F238E27FC236}">
                  <a16:creationId xmlns:a16="http://schemas.microsoft.com/office/drawing/2014/main" id="{3A4F3925-2E26-4846-8503-2C2A84D4B500}"/>
                </a:ext>
              </a:extLst>
            </p:cNvPr>
            <p:cNvCxnSpPr/>
            <p:nvPr/>
          </p:nvCxnSpPr>
          <p:spPr>
            <a:xfrm>
              <a:off x="6303119" y="8123561"/>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5" name="Group 74">
            <a:extLst>
              <a:ext uri="{FF2B5EF4-FFF2-40B4-BE49-F238E27FC236}">
                <a16:creationId xmlns:a16="http://schemas.microsoft.com/office/drawing/2014/main" id="{E0FCD572-B8C4-4E26-87C1-E4D330896E95}"/>
              </a:ext>
            </a:extLst>
          </p:cNvPr>
          <p:cNvGrpSpPr/>
          <p:nvPr/>
        </p:nvGrpSpPr>
        <p:grpSpPr>
          <a:xfrm>
            <a:off x="5804061" y="3066679"/>
            <a:ext cx="1219988" cy="1256207"/>
            <a:chOff x="6208206" y="7650577"/>
            <a:chExt cx="3189507" cy="2753933"/>
          </a:xfrm>
        </p:grpSpPr>
        <p:sp>
          <p:nvSpPr>
            <p:cNvPr id="76" name="TextBox 75">
              <a:extLst>
                <a:ext uri="{FF2B5EF4-FFF2-40B4-BE49-F238E27FC236}">
                  <a16:creationId xmlns:a16="http://schemas.microsoft.com/office/drawing/2014/main" id="{42FFD498-A7BF-4650-A01A-8C6321120FF4}"/>
                </a:ext>
              </a:extLst>
            </p:cNvPr>
            <p:cNvSpPr txBox="1"/>
            <p:nvPr/>
          </p:nvSpPr>
          <p:spPr>
            <a:xfrm>
              <a:off x="7538655" y="7650577"/>
              <a:ext cx="754624" cy="64518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6</a:t>
              </a:r>
            </a:p>
          </p:txBody>
        </p:sp>
        <p:sp>
          <p:nvSpPr>
            <p:cNvPr id="77" name="Subtitle 2">
              <a:extLst>
                <a:ext uri="{FF2B5EF4-FFF2-40B4-BE49-F238E27FC236}">
                  <a16:creationId xmlns:a16="http://schemas.microsoft.com/office/drawing/2014/main" id="{6F0C7AD8-6229-45F8-B079-2851CBB79671}"/>
                </a:ext>
              </a:extLst>
            </p:cNvPr>
            <p:cNvSpPr txBox="1">
              <a:spLocks/>
            </p:cNvSpPr>
            <p:nvPr/>
          </p:nvSpPr>
          <p:spPr>
            <a:xfrm>
              <a:off x="6419037" y="9294612"/>
              <a:ext cx="2598595" cy="1109898"/>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612" dirty="0">
                  <a:solidFill>
                    <a:schemeClr val="bg1"/>
                  </a:solidFill>
                  <a:latin typeface="Lato Light" panose="020F0502020204030203" pitchFamily="34" charset="0"/>
                  <a:ea typeface="Lato Light" panose="020F0502020204030203" pitchFamily="34" charset="0"/>
                  <a:cs typeface="Mukta ExtraLight" panose="020B0000000000000000" pitchFamily="34" charset="77"/>
                </a:rPr>
                <a:t>Move away from point to point integrations and surface services through an API management layer</a:t>
              </a:r>
            </a:p>
          </p:txBody>
        </p:sp>
        <p:sp>
          <p:nvSpPr>
            <p:cNvPr id="78" name="TextBox 77">
              <a:extLst>
                <a:ext uri="{FF2B5EF4-FFF2-40B4-BE49-F238E27FC236}">
                  <a16:creationId xmlns:a16="http://schemas.microsoft.com/office/drawing/2014/main" id="{103647A0-F5ED-4490-95C9-38BEB5D53910}"/>
                </a:ext>
              </a:extLst>
            </p:cNvPr>
            <p:cNvSpPr txBox="1"/>
            <p:nvPr/>
          </p:nvSpPr>
          <p:spPr>
            <a:xfrm>
              <a:off x="6208206" y="8358526"/>
              <a:ext cx="3189507" cy="851674"/>
            </a:xfrm>
            <a:prstGeom prst="rect">
              <a:avLst/>
            </a:prstGeom>
            <a:noFill/>
          </p:spPr>
          <p:txBody>
            <a:bodyPr wrap="none" lIns="34976" tIns="17488" rIns="34976" bIns="17488" rtlCol="0" anchor="ctr" anchorCtr="0">
              <a:spAutoFit/>
            </a:bodyPr>
            <a:lstStyle/>
            <a:p>
              <a:pPr algn="ctr">
                <a:spcAft>
                  <a:spcPts val="0"/>
                </a:spcAft>
              </a:pPr>
              <a:r>
                <a:rPr lang="en-US" sz="765">
                  <a:solidFill>
                    <a:schemeClr val="bg1"/>
                  </a:solidFill>
                  <a:latin typeface="Poppins" pitchFamily="2" charset="77"/>
                  <a:ea typeface="League Spartan" charset="0"/>
                  <a:cs typeface="Poppins" pitchFamily="2" charset="77"/>
                </a:rPr>
                <a:t>PROVIDE API </a:t>
              </a:r>
              <a:r>
                <a:rPr lang="en-US" sz="765" dirty="0">
                  <a:solidFill>
                    <a:schemeClr val="bg1"/>
                  </a:solidFill>
                  <a:latin typeface="Poppins" pitchFamily="2" charset="77"/>
                  <a:ea typeface="League Spartan" charset="0"/>
                  <a:cs typeface="Poppins" pitchFamily="2" charset="77"/>
                </a:rPr>
                <a:t>SERVICES</a:t>
              </a:r>
            </a:p>
            <a:p>
              <a:pPr algn="ctr">
                <a:spcAft>
                  <a:spcPts val="0"/>
                </a:spcAft>
              </a:pPr>
              <a:r>
                <a:rPr lang="en-US" sz="765" dirty="0">
                  <a:solidFill>
                    <a:schemeClr val="bg1"/>
                  </a:solidFill>
                  <a:latin typeface="Poppins" pitchFamily="2" charset="77"/>
                  <a:ea typeface="League Spartan" charset="0"/>
                  <a:cs typeface="Poppins" pitchFamily="2" charset="77"/>
                </a:rPr>
                <a:t> ABSTRACTING AWAY FROM</a:t>
              </a:r>
            </a:p>
            <a:p>
              <a:pPr algn="ctr">
                <a:spcAft>
                  <a:spcPts val="0"/>
                </a:spcAft>
              </a:pPr>
              <a:r>
                <a:rPr lang="en-US" sz="765" dirty="0">
                  <a:solidFill>
                    <a:schemeClr val="bg1"/>
                  </a:solidFill>
                  <a:latin typeface="Poppins" pitchFamily="2" charset="77"/>
                  <a:ea typeface="League Spartan" charset="0"/>
                  <a:cs typeface="Poppins" pitchFamily="2" charset="77"/>
                </a:rPr>
                <a:t>SOURCE  SYSTEMS</a:t>
              </a:r>
            </a:p>
          </p:txBody>
        </p:sp>
        <p:cxnSp>
          <p:nvCxnSpPr>
            <p:cNvPr id="79" name="Straight Connector 78">
              <a:extLst>
                <a:ext uri="{FF2B5EF4-FFF2-40B4-BE49-F238E27FC236}">
                  <a16:creationId xmlns:a16="http://schemas.microsoft.com/office/drawing/2014/main" id="{7680AE79-C97F-48DC-B92F-A2F9A5C4C73D}"/>
                </a:ext>
              </a:extLst>
            </p:cNvPr>
            <p:cNvCxnSpPr/>
            <p:nvPr/>
          </p:nvCxnSpPr>
          <p:spPr>
            <a:xfrm>
              <a:off x="6995471" y="8317797"/>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14" name="Freeform 5">
            <a:extLst>
              <a:ext uri="{FF2B5EF4-FFF2-40B4-BE49-F238E27FC236}">
                <a16:creationId xmlns:a16="http://schemas.microsoft.com/office/drawing/2014/main" id="{194842CD-E24B-449C-ACD7-0259D1040C7E}"/>
              </a:ext>
            </a:extLst>
          </p:cNvPr>
          <p:cNvSpPr>
            <a:spLocks noChangeArrowheads="1"/>
          </p:cNvSpPr>
          <p:nvPr/>
        </p:nvSpPr>
        <p:spPr bwMode="auto">
          <a:xfrm>
            <a:off x="7466327" y="3727963"/>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lstStyle/>
          <a:p>
            <a:pPr algn="ctr"/>
            <a:endParaRPr lang="en-US" sz="1050">
              <a:latin typeface="Lato Light" panose="020F0502020204030203" pitchFamily="34" charset="0"/>
            </a:endParaRPr>
          </a:p>
        </p:txBody>
      </p:sp>
      <p:sp>
        <p:nvSpPr>
          <p:cNvPr id="81" name="TextBox 80">
            <a:extLst>
              <a:ext uri="{FF2B5EF4-FFF2-40B4-BE49-F238E27FC236}">
                <a16:creationId xmlns:a16="http://schemas.microsoft.com/office/drawing/2014/main" id="{8515BE42-67F7-4FF9-8106-2913629628FE}"/>
              </a:ext>
            </a:extLst>
          </p:cNvPr>
          <p:cNvSpPr txBox="1"/>
          <p:nvPr/>
        </p:nvSpPr>
        <p:spPr bwMode="auto">
          <a:xfrm>
            <a:off x="3651833" y="2316164"/>
            <a:ext cx="1837596" cy="8951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ctr" anchorCtr="0" compatLnSpc="1">
            <a:prstTxWarp prst="textNoShape">
              <a:avLst/>
            </a:prstTxWarp>
            <a:spAutoFit/>
          </a:bodyPr>
          <a:lstStyle/>
          <a:p>
            <a:pPr algn="ctr">
              <a:spcAft>
                <a:spcPts val="450"/>
              </a:spcAft>
            </a:pPr>
            <a:r>
              <a:rPr lang="en-US" sz="1350" dirty="0">
                <a:latin typeface="Lato Light" panose="020F0502020204030203" pitchFamily="34" charset="0"/>
              </a:rPr>
              <a:t>Accurate and Consumable Master Data</a:t>
            </a:r>
          </a:p>
          <a:p>
            <a:pPr algn="ctr">
              <a:spcAft>
                <a:spcPts val="450"/>
              </a:spcAft>
            </a:pPr>
            <a:endParaRPr lang="en-US" sz="1350" b="0" dirty="0">
              <a:solidFill>
                <a:schemeClr val="tx1"/>
              </a:solidFill>
            </a:endParaRPr>
          </a:p>
        </p:txBody>
      </p:sp>
      <p:pic>
        <p:nvPicPr>
          <p:cNvPr id="4" name="Graphic 3" descr="Lightbulb">
            <a:extLst>
              <a:ext uri="{FF2B5EF4-FFF2-40B4-BE49-F238E27FC236}">
                <a16:creationId xmlns:a16="http://schemas.microsoft.com/office/drawing/2014/main" id="{1E520D50-3177-45D5-A63B-E1335B2FA3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451492" y="76239"/>
            <a:ext cx="575020" cy="575020"/>
          </a:xfrm>
          <a:prstGeom prst="rect">
            <a:avLst/>
          </a:prstGeom>
        </p:spPr>
      </p:pic>
      <p:sp>
        <p:nvSpPr>
          <p:cNvPr id="82" name="Title 1">
            <a:extLst>
              <a:ext uri="{FF2B5EF4-FFF2-40B4-BE49-F238E27FC236}">
                <a16:creationId xmlns:a16="http://schemas.microsoft.com/office/drawing/2014/main" id="{7B65162B-900E-4FA2-A877-EDEA9BA9D7E4}"/>
              </a:ext>
            </a:extLst>
          </p:cNvPr>
          <p:cNvSpPr txBox="1">
            <a:spLocks/>
          </p:cNvSpPr>
          <p:nvPr/>
        </p:nvSpPr>
        <p:spPr bwMode="auto">
          <a:xfrm>
            <a:off x="122483" y="119527"/>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a:buClrTx/>
            </a:pPr>
            <a:r>
              <a:rPr lang="en-US" dirty="0"/>
              <a:t>Master Data Management Architecture Vision</a:t>
            </a:r>
          </a:p>
        </p:txBody>
      </p:sp>
    </p:spTree>
    <p:extLst>
      <p:ext uri="{BB962C8B-B14F-4D97-AF65-F5344CB8AC3E}">
        <p14:creationId xmlns:p14="http://schemas.microsoft.com/office/powerpoint/2010/main" val="389846349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0" y="112729"/>
            <a:ext cx="8497370" cy="430887"/>
          </a:xfrm>
        </p:spPr>
        <p:txBody>
          <a:bodyPr/>
          <a:lstStyle/>
          <a:p>
            <a:r>
              <a:rPr lang="en-US" dirty="0"/>
              <a:t>Master Data Management High Level Architecture</a:t>
            </a:r>
          </a:p>
        </p:txBody>
      </p:sp>
      <p:pic>
        <p:nvPicPr>
          <p:cNvPr id="3" name="Picture 2">
            <a:extLst>
              <a:ext uri="{FF2B5EF4-FFF2-40B4-BE49-F238E27FC236}">
                <a16:creationId xmlns:a16="http://schemas.microsoft.com/office/drawing/2014/main" id="{0DCD3F7F-D2B7-4CBD-B171-0054ED03B57A}"/>
              </a:ext>
            </a:extLst>
          </p:cNvPr>
          <p:cNvPicPr>
            <a:picLocks noChangeAspect="1"/>
          </p:cNvPicPr>
          <p:nvPr/>
        </p:nvPicPr>
        <p:blipFill>
          <a:blip r:embed="rId3"/>
          <a:stretch>
            <a:fillRect/>
          </a:stretch>
        </p:blipFill>
        <p:spPr>
          <a:xfrm>
            <a:off x="1093464" y="423984"/>
            <a:ext cx="7144228" cy="4400811"/>
          </a:xfrm>
          <a:prstGeom prst="rect">
            <a:avLst/>
          </a:prstGeom>
        </p:spPr>
      </p:pic>
    </p:spTree>
    <p:extLst>
      <p:ext uri="{BB962C8B-B14F-4D97-AF65-F5344CB8AC3E}">
        <p14:creationId xmlns:p14="http://schemas.microsoft.com/office/powerpoint/2010/main" val="3363999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488" y="108381"/>
            <a:ext cx="8497370" cy="430887"/>
          </a:xfrm>
        </p:spPr>
        <p:txBody>
          <a:bodyPr/>
          <a:lstStyle/>
          <a:p>
            <a:r>
              <a:rPr lang="en-US" dirty="0"/>
              <a:t>MDM implementation Style</a:t>
            </a:r>
          </a:p>
        </p:txBody>
      </p:sp>
      <p:pic>
        <p:nvPicPr>
          <p:cNvPr id="5" name="Picture 4">
            <a:extLst>
              <a:ext uri="{FF2B5EF4-FFF2-40B4-BE49-F238E27FC236}">
                <a16:creationId xmlns:a16="http://schemas.microsoft.com/office/drawing/2014/main" id="{6C370D60-AEA9-40A7-A756-8E5631D4D5D2}"/>
              </a:ext>
            </a:extLst>
          </p:cNvPr>
          <p:cNvPicPr>
            <a:picLocks noChangeAspect="1"/>
          </p:cNvPicPr>
          <p:nvPr/>
        </p:nvPicPr>
        <p:blipFill>
          <a:blip r:embed="rId3"/>
          <a:stretch>
            <a:fillRect/>
          </a:stretch>
        </p:blipFill>
        <p:spPr>
          <a:xfrm>
            <a:off x="6123709" y="437827"/>
            <a:ext cx="2584545" cy="2011539"/>
          </a:xfrm>
          <a:prstGeom prst="rect">
            <a:avLst/>
          </a:prstGeom>
        </p:spPr>
      </p:pic>
      <p:pic>
        <p:nvPicPr>
          <p:cNvPr id="6" name="Picture 5">
            <a:extLst>
              <a:ext uri="{FF2B5EF4-FFF2-40B4-BE49-F238E27FC236}">
                <a16:creationId xmlns:a16="http://schemas.microsoft.com/office/drawing/2014/main" id="{ED4BA925-7F0E-4A3B-9FC4-93445786E6F4}"/>
              </a:ext>
            </a:extLst>
          </p:cNvPr>
          <p:cNvPicPr>
            <a:picLocks noChangeAspect="1"/>
          </p:cNvPicPr>
          <p:nvPr/>
        </p:nvPicPr>
        <p:blipFill>
          <a:blip r:embed="rId4"/>
          <a:stretch>
            <a:fillRect/>
          </a:stretch>
        </p:blipFill>
        <p:spPr>
          <a:xfrm>
            <a:off x="6123710" y="2710815"/>
            <a:ext cx="2563114" cy="1994860"/>
          </a:xfrm>
          <a:prstGeom prst="rect">
            <a:avLst/>
          </a:prstGeom>
        </p:spPr>
      </p:pic>
      <p:sp>
        <p:nvSpPr>
          <p:cNvPr id="14" name="TextBox 13">
            <a:extLst>
              <a:ext uri="{FF2B5EF4-FFF2-40B4-BE49-F238E27FC236}">
                <a16:creationId xmlns:a16="http://schemas.microsoft.com/office/drawing/2014/main" id="{003BED79-1596-4EF7-8968-B941290877C5}"/>
              </a:ext>
            </a:extLst>
          </p:cNvPr>
          <p:cNvSpPr txBox="1"/>
          <p:nvPr/>
        </p:nvSpPr>
        <p:spPr bwMode="auto">
          <a:xfrm>
            <a:off x="325325" y="599547"/>
            <a:ext cx="5798384" cy="4216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5895" indent="-175895"/>
            <a:r>
              <a:rPr lang="en-US" sz="1100" b="0" i="1" dirty="0">
                <a:solidFill>
                  <a:schemeClr val="tx1">
                    <a:lumMod val="75000"/>
                  </a:schemeClr>
                </a:solidFill>
                <a:latin typeface="Arial" panose="020B0604020202020204" pitchFamily="34" charset="0"/>
              </a:rPr>
              <a:t>Build an MDM index with limited key identifier fields and the full data stays in source system</a:t>
            </a:r>
            <a:endParaRPr lang="en-US" sz="1100" i="1" dirty="0">
              <a:solidFill>
                <a:srgbClr val="00148C"/>
              </a:solidFill>
              <a:latin typeface="Arial" panose="020B0604020202020204" pitchFamily="34" charset="0"/>
              <a:cs typeface="Arial" panose="020B0604020202020204" pitchFamily="34" charset="0"/>
            </a:endParaRPr>
          </a:p>
          <a:p>
            <a:pPr marL="175895" indent="-175895">
              <a:spcAft>
                <a:spcPts val="0"/>
              </a:spcAft>
            </a:pPr>
            <a:r>
              <a:rPr lang="en-US" sz="1100" dirty="0">
                <a:solidFill>
                  <a:srgbClr val="00148C"/>
                </a:solidFill>
                <a:latin typeface="Arial" panose="020B0604020202020204" pitchFamily="34" charset="0"/>
              </a:rPr>
              <a:t>Pro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Quick and inexpensive to set up</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Con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Complex to build 360 view if more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 most MDM configuration</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s retrieving master data from the source systems</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Possible NG use case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When only one or two source systems for system of record/truth</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endParaRPr lang="en-US" sz="1100" b="0" dirty="0">
              <a:solidFill>
                <a:schemeClr val="tx1">
                  <a:lumMod val="75000"/>
                </a:schemeClr>
              </a:solidFill>
              <a:cs typeface="Arial"/>
            </a:endParaRPr>
          </a:p>
          <a:p>
            <a:pPr>
              <a:spcAft>
                <a:spcPts val="0"/>
              </a:spcAft>
            </a:pPr>
            <a:endParaRPr lang="en-US" sz="1100" b="0" dirty="0">
              <a:solidFill>
                <a:schemeClr val="tx1">
                  <a:lumMod val="75000"/>
                </a:schemeClr>
              </a:solidFill>
              <a:latin typeface="Arial"/>
              <a:cs typeface="Arial"/>
            </a:endParaRPr>
          </a:p>
          <a:p>
            <a:r>
              <a:rPr lang="en-US" sz="1100" b="0" i="1" dirty="0">
                <a:solidFill>
                  <a:schemeClr val="tx1">
                    <a:lumMod val="75000"/>
                  </a:schemeClr>
                </a:solidFill>
                <a:latin typeface="Arial" panose="020B0604020202020204" pitchFamily="34" charset="0"/>
              </a:rPr>
              <a:t>Build an MDM centralized repository with curated master data, allow data stewards to correct data in the MDM tool. Cleansed master data is not sync up with source systems</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4625" indent="-17462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p>
          <a:p>
            <a:pPr marL="174625" indent="-174625">
              <a:spcAft>
                <a:spcPts val="0"/>
              </a:spcAft>
              <a:buFont typeface="Arial" panose="020B0604020202020204" pitchFamily="34" charset="0"/>
              <a:buChar char="•"/>
            </a:pPr>
            <a:r>
              <a:rPr lang="en-US" sz="1100" b="0" dirty="0">
                <a:solidFill>
                  <a:schemeClr val="tx1">
                    <a:lumMod val="75000"/>
                  </a:schemeClr>
                </a:solidFill>
              </a:rPr>
              <a:t>Quick and inexpensive to set up</a:t>
            </a:r>
          </a:p>
          <a:p>
            <a:pPr marL="174625" indent="-174625">
              <a:spcAft>
                <a:spcPts val="0"/>
              </a:spcAft>
              <a:buFont typeface="Arial" panose="020B0604020202020204" pitchFamily="34" charset="0"/>
              <a:buChar char="•"/>
            </a:pPr>
            <a:r>
              <a:rPr lang="en-US" sz="1100" b="0" dirty="0">
                <a:solidFill>
                  <a:schemeClr val="tx1">
                    <a:lumMod val="75000"/>
                  </a:schemeClr>
                </a:solidFill>
              </a:rPr>
              <a:t>MDM is a repository for Golden master record</a:t>
            </a:r>
          </a:p>
          <a:p>
            <a:pPr marL="174625" indent="-174625">
              <a:spcAft>
                <a:spcPts val="0"/>
              </a:spcAft>
              <a:buFont typeface="Arial" panose="020B0604020202020204" pitchFamily="34" charset="0"/>
              <a:buChar char="•"/>
            </a:pPr>
            <a:r>
              <a:rPr lang="en-US" sz="1100" b="0" dirty="0">
                <a:solidFill>
                  <a:schemeClr val="tx1">
                    <a:lumMod val="75000"/>
                  </a:schemeClr>
                </a:solidFill>
              </a:rPr>
              <a:t>Standard MDM Configuration</a:t>
            </a:r>
          </a:p>
          <a:p>
            <a:pPr>
              <a:spcAft>
                <a:spcPts val="0"/>
              </a:spcAft>
            </a:pPr>
            <a:r>
              <a:rPr lang="en-US" sz="1100" i="1" dirty="0">
                <a:solidFill>
                  <a:srgbClr val="00148C"/>
                </a:solidFill>
                <a:latin typeface="Arial" panose="020B0604020202020204" pitchFamily="34" charset="0"/>
              </a:rPr>
              <a:t>Cons:</a:t>
            </a:r>
          </a:p>
          <a:p>
            <a:pPr marL="174625" indent="-174625">
              <a:spcAft>
                <a:spcPts val="0"/>
              </a:spcAft>
              <a:buFont typeface="Arial" panose="020B0604020202020204" pitchFamily="34" charset="0"/>
              <a:buChar char="•"/>
            </a:pPr>
            <a:r>
              <a:rPr lang="en-US" sz="1100" b="0" dirty="0">
                <a:solidFill>
                  <a:schemeClr val="tx1">
                    <a:lumMod val="75000"/>
                  </a:schemeClr>
                </a:solidFill>
              </a:rPr>
              <a:t>Possible to have data discrepancies between source systems and the MDM tool</a:t>
            </a:r>
          </a:p>
          <a:p>
            <a:pPr marL="174625" indent="-174625">
              <a:spcAft>
                <a:spcPts val="0"/>
              </a:spcAft>
              <a:buFont typeface="Arial" panose="020B0604020202020204" pitchFamily="34" charset="0"/>
              <a:buChar char="•"/>
            </a:pPr>
            <a:r>
              <a:rPr lang="en-US" sz="1100" b="0" dirty="0">
                <a:solidFill>
                  <a:schemeClr val="tx1">
                    <a:lumMod val="75000"/>
                  </a:schemeClr>
                </a:solidFill>
              </a:rPr>
              <a:t>Requires manual updates in source systems for data quality issue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they are not able load cleansed data automatically</a:t>
            </a:r>
          </a:p>
        </p:txBody>
      </p:sp>
      <p:sp>
        <p:nvSpPr>
          <p:cNvPr id="15" name="TextBox 14">
            <a:extLst>
              <a:ext uri="{FF2B5EF4-FFF2-40B4-BE49-F238E27FC236}">
                <a16:creationId xmlns:a16="http://schemas.microsoft.com/office/drawing/2014/main" id="{A9879A7E-0247-48FF-A5F2-D3AC7FB502A2}"/>
              </a:ext>
            </a:extLst>
          </p:cNvPr>
          <p:cNvSpPr txBox="1"/>
          <p:nvPr/>
        </p:nvSpPr>
        <p:spPr bwMode="auto">
          <a:xfrm>
            <a:off x="202354" y="427091"/>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1. Registry</a:t>
            </a:r>
            <a:endParaRPr lang="en-US" sz="1100" b="0" dirty="0">
              <a:solidFill>
                <a:schemeClr val="tx1">
                  <a:lumMod val="75000"/>
                </a:schemeClr>
              </a:solidFill>
            </a:endParaRPr>
          </a:p>
        </p:txBody>
      </p:sp>
      <p:sp>
        <p:nvSpPr>
          <p:cNvPr id="16" name="TextBox 15">
            <a:extLst>
              <a:ext uri="{FF2B5EF4-FFF2-40B4-BE49-F238E27FC236}">
                <a16:creationId xmlns:a16="http://schemas.microsoft.com/office/drawing/2014/main" id="{868D403F-5056-4250-B3F2-C4D93B7CE925}"/>
              </a:ext>
            </a:extLst>
          </p:cNvPr>
          <p:cNvSpPr txBox="1"/>
          <p:nvPr/>
        </p:nvSpPr>
        <p:spPr bwMode="auto">
          <a:xfrm>
            <a:off x="202353" y="2487020"/>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2. Consolidating</a:t>
            </a:r>
          </a:p>
        </p:txBody>
      </p:sp>
    </p:spTree>
    <p:extLst>
      <p:ext uri="{BB962C8B-B14F-4D97-AF65-F5344CB8AC3E}">
        <p14:creationId xmlns:p14="http://schemas.microsoft.com/office/powerpoint/2010/main" val="30137042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270" y="101430"/>
            <a:ext cx="8497370" cy="430887"/>
          </a:xfrm>
        </p:spPr>
        <p:txBody>
          <a:bodyPr/>
          <a:lstStyle/>
          <a:p>
            <a:r>
              <a:rPr lang="en-US" dirty="0"/>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37740" y="679269"/>
            <a:ext cx="5550442" cy="36317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100" b="0" i="1" dirty="0">
                <a:solidFill>
                  <a:schemeClr val="tx1">
                    <a:lumMod val="75000"/>
                  </a:schemeClr>
                </a:solidFill>
                <a:latin typeface="Arial" panose="020B0604020202020204" pitchFamily="34" charset="0"/>
              </a:rPr>
              <a:t>Build an MDM centralized repository with curated master data, allows Data Steward to correct data in the MDM tool, cleansed master data is synced with source systems</a:t>
            </a:r>
            <a:endParaRPr lang="en-US" sz="1100" i="1" dirty="0">
              <a:solidFill>
                <a:srgbClr val="00148C"/>
              </a:solidFill>
              <a:latin typeface="Arial" panose="020B0604020202020204" pitchFamily="34" charset="0"/>
            </a:endParaRPr>
          </a:p>
          <a:p>
            <a:pPr>
              <a:spcAft>
                <a:spcPts val="0"/>
              </a:spcAft>
            </a:pPr>
            <a:r>
              <a:rPr lang="en-US" sz="1100"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Cleanse master data are in sync between MDM and source systems</a:t>
            </a:r>
          </a:p>
          <a:p>
            <a:pPr marL="171450" indent="-171450">
              <a:spcAft>
                <a:spcPts val="0"/>
              </a:spcAft>
              <a:buFont typeface="Arial" panose="020B0604020202020204" pitchFamily="34" charset="0"/>
              <a:buChar char="•"/>
            </a:pPr>
            <a:r>
              <a:rPr lang="en-US" sz="1100" b="0" dirty="0">
                <a:solidFill>
                  <a:schemeClr val="tx1"/>
                </a:solidFill>
              </a:rPr>
              <a:t>Standard MDM Configuration</a:t>
            </a:r>
          </a:p>
          <a:p>
            <a:pPr>
              <a:spcAft>
                <a:spcPts val="0"/>
              </a:spcAft>
            </a:pPr>
            <a:r>
              <a:rPr lang="en-US" sz="1100"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200" b="0" dirty="0">
                <a:solidFill>
                  <a:schemeClr val="tx1"/>
                </a:solidFill>
              </a:rPr>
              <a:t>More </a:t>
            </a:r>
            <a:r>
              <a:rPr lang="en-US" sz="1100" b="0" dirty="0">
                <a:solidFill>
                  <a:schemeClr val="tx1"/>
                </a:solidFill>
              </a:rPr>
              <a:t>intrusive as impacts source system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systems can load/take cleansed data automatically</a:t>
            </a:r>
            <a:endParaRPr lang="en-US" sz="1100" b="0" dirty="0">
              <a:solidFill>
                <a:schemeClr val="tx1">
                  <a:lumMod val="75000"/>
                </a:schemeClr>
              </a:solidFill>
              <a:cs typeface="Arial"/>
            </a:endParaRPr>
          </a:p>
          <a:p>
            <a:pPr marL="285750" indent="-285750">
              <a:spcAft>
                <a:spcPts val="0"/>
              </a:spcAft>
              <a:buFont typeface="Arial" panose="020B0604020202020204" pitchFamily="34" charset="0"/>
              <a:buChar char="•"/>
            </a:pPr>
            <a:endParaRPr lang="en-US" sz="1100" b="0" dirty="0">
              <a:solidFill>
                <a:schemeClr val="tx1">
                  <a:lumMod val="75000"/>
                </a:schemeClr>
              </a:solidFill>
            </a:endParaRPr>
          </a:p>
          <a:p>
            <a:endParaRPr lang="en-US" sz="1100" b="0" i="1" dirty="0">
              <a:solidFill>
                <a:schemeClr val="tx1">
                  <a:lumMod val="75000"/>
                </a:schemeClr>
              </a:solidFill>
              <a:latin typeface="Arial" panose="020B0604020202020204" pitchFamily="34" charset="0"/>
            </a:endParaRPr>
          </a:p>
          <a:p>
            <a:r>
              <a:rPr lang="en-US" sz="1100" b="0" i="1" dirty="0">
                <a:solidFill>
                  <a:schemeClr val="tx1">
                    <a:lumMod val="75000"/>
                  </a:schemeClr>
                </a:solidFill>
                <a:latin typeface="Arial" panose="020B0604020202020204" pitchFamily="34" charset="0"/>
              </a:rPr>
              <a:t>No source system so MDM tool is the source of record</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MDM is the system of truth and source system </a:t>
            </a:r>
          </a:p>
          <a:p>
            <a:pPr>
              <a:spcAft>
                <a:spcPts val="0"/>
              </a:spcAft>
            </a:pPr>
            <a:r>
              <a:rPr lang="en-US" sz="1100" i="1"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100" b="0" dirty="0">
                <a:solidFill>
                  <a:schemeClr val="tx1"/>
                </a:solidFill>
              </a:rPr>
              <a:t>Most intrusive as MDM becomes source system</a:t>
            </a:r>
          </a:p>
          <a:p>
            <a:pPr marL="171450" indent="-171450">
              <a:spcAft>
                <a:spcPts val="0"/>
              </a:spcAft>
              <a:buFont typeface="Arial" panose="020B0604020202020204" pitchFamily="34" charset="0"/>
              <a:buChar char="•"/>
            </a:pPr>
            <a:r>
              <a:rPr lang="en-US" sz="1100" b="0" dirty="0">
                <a:solidFill>
                  <a:schemeClr val="tx1"/>
                </a:solidFill>
              </a:rPr>
              <a:t>Most MDM configuration</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there is no source systems e.g. Reference data like Postal data</a:t>
            </a:r>
            <a:endParaRPr lang="en-US" sz="1100" b="0" dirty="0">
              <a:solidFill>
                <a:srgbClr val="FF0000"/>
              </a:solidFill>
            </a:endParaRPr>
          </a:p>
          <a:p>
            <a:pPr marL="171450" indent="-171450">
              <a:spcAft>
                <a:spcPts val="0"/>
              </a:spcAft>
              <a:buFont typeface="Arial" panose="020B0604020202020204" pitchFamily="34" charset="0"/>
              <a:buChar char="•"/>
            </a:pPr>
            <a:endParaRPr lang="en-US" sz="1100" b="0" dirty="0">
              <a:solidFill>
                <a:schemeClr val="tx1"/>
              </a:solidFill>
            </a:endParaRPr>
          </a:p>
        </p:txBody>
      </p:sp>
      <p:pic>
        <p:nvPicPr>
          <p:cNvPr id="7" name="Picture 6">
            <a:extLst>
              <a:ext uri="{FF2B5EF4-FFF2-40B4-BE49-F238E27FC236}">
                <a16:creationId xmlns:a16="http://schemas.microsoft.com/office/drawing/2014/main" id="{A7E909B3-B5B7-4665-ABAC-0A4D14C1E862}"/>
              </a:ext>
            </a:extLst>
          </p:cNvPr>
          <p:cNvPicPr>
            <a:picLocks noChangeAspect="1"/>
          </p:cNvPicPr>
          <p:nvPr/>
        </p:nvPicPr>
        <p:blipFill>
          <a:blip r:embed="rId3"/>
          <a:stretch>
            <a:fillRect/>
          </a:stretch>
        </p:blipFill>
        <p:spPr>
          <a:xfrm>
            <a:off x="5992091" y="2571750"/>
            <a:ext cx="2615122" cy="2200708"/>
          </a:xfrm>
          <a:prstGeom prst="rect">
            <a:avLst/>
          </a:prstGeom>
        </p:spPr>
      </p:pic>
      <p:pic>
        <p:nvPicPr>
          <p:cNvPr id="8" name="Picture 7">
            <a:extLst>
              <a:ext uri="{FF2B5EF4-FFF2-40B4-BE49-F238E27FC236}">
                <a16:creationId xmlns:a16="http://schemas.microsoft.com/office/drawing/2014/main" id="{8872FD85-4D10-4F73-8CF0-6E5931D7D3FB}"/>
              </a:ext>
            </a:extLst>
          </p:cNvPr>
          <p:cNvPicPr>
            <a:picLocks noChangeAspect="1"/>
          </p:cNvPicPr>
          <p:nvPr/>
        </p:nvPicPr>
        <p:blipFill>
          <a:blip r:embed="rId4"/>
          <a:stretch>
            <a:fillRect/>
          </a:stretch>
        </p:blipFill>
        <p:spPr>
          <a:xfrm>
            <a:off x="5992092" y="416670"/>
            <a:ext cx="2708440" cy="2107966"/>
          </a:xfrm>
          <a:prstGeom prst="rect">
            <a:avLst/>
          </a:prstGeom>
        </p:spPr>
      </p:pic>
      <p:sp>
        <p:nvSpPr>
          <p:cNvPr id="9" name="TextBox 8">
            <a:extLst>
              <a:ext uri="{FF2B5EF4-FFF2-40B4-BE49-F238E27FC236}">
                <a16:creationId xmlns:a16="http://schemas.microsoft.com/office/drawing/2014/main" id="{6136F78F-459A-4D6A-A592-8D0BE7E79B95}"/>
              </a:ext>
            </a:extLst>
          </p:cNvPr>
          <p:cNvSpPr txBox="1"/>
          <p:nvPr/>
        </p:nvSpPr>
        <p:spPr bwMode="auto">
          <a:xfrm>
            <a:off x="198433" y="2493928"/>
            <a:ext cx="204669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4. Transaction/Centralized</a:t>
            </a:r>
          </a:p>
        </p:txBody>
      </p:sp>
      <p:sp>
        <p:nvSpPr>
          <p:cNvPr id="10" name="TextBox 9">
            <a:extLst>
              <a:ext uri="{FF2B5EF4-FFF2-40B4-BE49-F238E27FC236}">
                <a16:creationId xmlns:a16="http://schemas.microsoft.com/office/drawing/2014/main" id="{4280FB5F-E8AA-4B8E-B23B-B133B1BD0FE1}"/>
              </a:ext>
            </a:extLst>
          </p:cNvPr>
          <p:cNvSpPr txBox="1"/>
          <p:nvPr/>
        </p:nvSpPr>
        <p:spPr bwMode="auto">
          <a:xfrm>
            <a:off x="198433" y="492343"/>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3. Co-Existence</a:t>
            </a:r>
          </a:p>
        </p:txBody>
      </p:sp>
    </p:spTree>
    <p:extLst>
      <p:ext uri="{BB962C8B-B14F-4D97-AF65-F5344CB8AC3E}">
        <p14:creationId xmlns:p14="http://schemas.microsoft.com/office/powerpoint/2010/main" val="323825959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Benefits of Master Data Management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8704262" cy="5016758"/>
          </a:xfrm>
        </p:spPr>
        <p:txBody>
          <a:bodyPr numCol="1"/>
          <a:lstStyle/>
          <a:p>
            <a:pPr marL="269875" lvl="2" indent="-269875"/>
            <a:r>
              <a:rPr lang="en-US" dirty="0"/>
              <a:t>Creates centralized multi domain data repository by creating golden master records</a:t>
            </a:r>
          </a:p>
          <a:p>
            <a:pPr marL="269875" lvl="2" indent="-269875"/>
            <a:r>
              <a:rPr lang="en-US" dirty="0"/>
              <a:t>Creates an enterprise unique persistent identifier for each master data domain</a:t>
            </a:r>
          </a:p>
          <a:p>
            <a:pPr marL="269875" lvl="2" indent="-269875"/>
            <a:r>
              <a:rPr lang="en-US" dirty="0"/>
              <a:t>Avoids data duplication</a:t>
            </a:r>
          </a:p>
          <a:p>
            <a:pPr marL="269875" lvl="2" indent="-269875"/>
            <a:r>
              <a:rPr lang="en-US" dirty="0"/>
              <a:t>Increases data accuracy</a:t>
            </a:r>
          </a:p>
          <a:p>
            <a:pPr marL="269875" lvl="2" indent="-269875"/>
            <a:r>
              <a:rPr lang="en-US" dirty="0"/>
              <a:t>Improves data quality </a:t>
            </a:r>
          </a:p>
          <a:p>
            <a:pPr marL="269875" lvl="2" indent="-269875"/>
            <a:r>
              <a:rPr lang="en-US" dirty="0"/>
              <a:t>Improves data consistency and data standardization</a:t>
            </a:r>
          </a:p>
          <a:p>
            <a:pPr marL="269875" lvl="2" indent="-269875"/>
            <a:r>
              <a:rPr lang="en-US" dirty="0"/>
              <a:t>Provides better data compliance</a:t>
            </a:r>
          </a:p>
          <a:p>
            <a:pPr marL="269875" lvl="2" indent="-269875"/>
            <a:r>
              <a:rPr lang="en-US" dirty="0"/>
              <a:t>Enables data governance and data stewardship</a:t>
            </a:r>
          </a:p>
          <a:p>
            <a:pPr marL="269875" lvl="2" indent="-269875"/>
            <a:r>
              <a:rPr lang="en-US" dirty="0"/>
              <a:t>Offers better secure data access</a:t>
            </a:r>
          </a:p>
          <a:p>
            <a:pPr marL="269875" lvl="2" indent="-269875"/>
            <a:r>
              <a:rPr lang="en-US" dirty="0"/>
              <a:t>Provides an API service for consumers of this curated data</a:t>
            </a:r>
          </a:p>
          <a:p>
            <a:pPr marL="269875" lvl="2" indent="-269875"/>
            <a:endParaRPr lang="en-US" dirty="0"/>
          </a:p>
          <a:p>
            <a:pPr marL="269875" lvl="2" indent="-269875"/>
            <a:endParaRPr lang="en-US" dirty="0"/>
          </a:p>
          <a:p>
            <a:pPr marL="269875" lvl="2" indent="-269875"/>
            <a:endParaRPr lang="en-GB" sz="1400" dirty="0">
              <a:solidFill>
                <a:schemeClr val="tx1">
                  <a:lumMod val="50000"/>
                </a:schemeClr>
              </a:solidFill>
              <a:cs typeface="Arial"/>
            </a:endParaRPr>
          </a:p>
        </p:txBody>
      </p:sp>
    </p:spTree>
    <p:extLst>
      <p:ext uri="{BB962C8B-B14F-4D97-AF65-F5344CB8AC3E}">
        <p14:creationId xmlns:p14="http://schemas.microsoft.com/office/powerpoint/2010/main" val="2337477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5386360-B5BF-4C54-AFE6-972615E205EA}"/>
              </a:ext>
            </a:extLst>
          </p:cNvPr>
          <p:cNvSpPr>
            <a:spLocks noGrp="1"/>
          </p:cNvSpPr>
          <p:nvPr>
            <p:ph type="title"/>
          </p:nvPr>
        </p:nvSpPr>
        <p:spPr/>
        <p:txBody>
          <a:bodyPr/>
          <a:lstStyle/>
          <a:p>
            <a:r>
              <a:rPr lang="en-GB" sz="1800" dirty="0"/>
              <a:t>Master Data Management Use Cases</a:t>
            </a:r>
          </a:p>
        </p:txBody>
      </p:sp>
      <p:graphicFrame>
        <p:nvGraphicFramePr>
          <p:cNvPr id="2" name="Table 1">
            <a:extLst>
              <a:ext uri="{FF2B5EF4-FFF2-40B4-BE49-F238E27FC236}">
                <a16:creationId xmlns:a16="http://schemas.microsoft.com/office/drawing/2014/main" id="{C86E49CF-0E84-43B4-BACC-62850BFB8402}"/>
              </a:ext>
            </a:extLst>
          </p:cNvPr>
          <p:cNvGraphicFramePr>
            <a:graphicFrameLocks noGrp="1"/>
          </p:cNvGraphicFramePr>
          <p:nvPr>
            <p:extLst/>
          </p:nvPr>
        </p:nvGraphicFramePr>
        <p:xfrm>
          <a:off x="383244" y="663648"/>
          <a:ext cx="8339970" cy="4005456"/>
        </p:xfrm>
        <a:graphic>
          <a:graphicData uri="http://schemas.openxmlformats.org/drawingml/2006/table">
            <a:tbl>
              <a:tblPr firstRow="1" firstCol="1" bandRow="1">
                <a:tableStyleId>{5C22544A-7EE6-4342-B048-85BDC9FD1C3A}</a:tableStyleId>
              </a:tblPr>
              <a:tblGrid>
                <a:gridCol w="4120857">
                  <a:extLst>
                    <a:ext uri="{9D8B030D-6E8A-4147-A177-3AD203B41FA5}">
                      <a16:colId xmlns:a16="http://schemas.microsoft.com/office/drawing/2014/main" val="2435422056"/>
                    </a:ext>
                  </a:extLst>
                </a:gridCol>
                <a:gridCol w="4219113">
                  <a:extLst>
                    <a:ext uri="{9D8B030D-6E8A-4147-A177-3AD203B41FA5}">
                      <a16:colId xmlns:a16="http://schemas.microsoft.com/office/drawing/2014/main" val="3291280795"/>
                    </a:ext>
                  </a:extLst>
                </a:gridCol>
              </a:tblGrid>
              <a:tr h="248906">
                <a:tc>
                  <a:txBody>
                    <a:bodyPr/>
                    <a:lstStyle/>
                    <a:p>
                      <a:pPr>
                        <a:lnSpc>
                          <a:spcPct val="107000"/>
                        </a:lnSpc>
                        <a:spcAft>
                          <a:spcPts val="0"/>
                        </a:spcAft>
                      </a:pPr>
                      <a:r>
                        <a:rPr lang="en-GB" sz="1200" dirty="0">
                          <a:effectLst/>
                        </a:rPr>
                        <a:t>Use Case</a:t>
                      </a:r>
                      <a:endParaRPr lang="en-GB" sz="1200" dirty="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tc>
                  <a:txBody>
                    <a:bodyPr/>
                    <a:lstStyle/>
                    <a:p>
                      <a:pPr>
                        <a:lnSpc>
                          <a:spcPct val="107000"/>
                        </a:lnSpc>
                        <a:spcAft>
                          <a:spcPts val="0"/>
                        </a:spcAft>
                      </a:pPr>
                      <a:r>
                        <a:rPr lang="en-GB" sz="1200" dirty="0">
                          <a:effectLst/>
                        </a:rPr>
                        <a:t>Benefit</a:t>
                      </a:r>
                      <a:endParaRPr lang="en-GB" sz="1200" dirty="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extLst>
                  <a:ext uri="{0D108BD9-81ED-4DB2-BD59-A6C34878D82A}">
                    <a16:rowId xmlns:a16="http://schemas.microsoft.com/office/drawing/2014/main" val="4186753913"/>
                  </a:ext>
                </a:extLst>
              </a:tr>
              <a:tr h="463032">
                <a:tc>
                  <a:txBody>
                    <a:bodyPr/>
                    <a:lstStyle/>
                    <a:p>
                      <a:pPr>
                        <a:lnSpc>
                          <a:spcPct val="107000"/>
                        </a:lnSpc>
                        <a:spcAft>
                          <a:spcPts val="0"/>
                        </a:spcAft>
                      </a:pPr>
                      <a:r>
                        <a:rPr lang="en-GB" sz="1100" b="1" dirty="0">
                          <a:solidFill>
                            <a:schemeClr val="lt1"/>
                          </a:solidFill>
                          <a:effectLst/>
                          <a:latin typeface="+mn-lt"/>
                          <a:ea typeface="+mn-ea"/>
                          <a:cs typeface="+mn-cs"/>
                        </a:rPr>
                        <a:t>MDM1 – Centralized data repository for multi-domain master data </a:t>
                      </a:r>
                    </a:p>
                  </a:txBody>
                  <a:tcPr marL="38820" marR="38820"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All master data from multiple domains in one place, one governance and shared enterprise control process</a:t>
                      </a:r>
                    </a:p>
                  </a:txBody>
                  <a:tcPr marL="38820" marR="38820" marT="0" marB="0"/>
                </a:tc>
                <a:extLst>
                  <a:ext uri="{0D108BD9-81ED-4DB2-BD59-A6C34878D82A}">
                    <a16:rowId xmlns:a16="http://schemas.microsoft.com/office/drawing/2014/main" val="2379557898"/>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2 – System of record for unique enterprise persistent identifier for each master data entity</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MDM can create a single unique identifier for each master data entity like Worker, Position, Customer, Asset, and Location etc. that is required by multiple business processes</a:t>
                      </a:r>
                    </a:p>
                  </a:txBody>
                  <a:tcPr marL="51435" marR="51435" marT="0" marB="0"/>
                </a:tc>
                <a:extLst>
                  <a:ext uri="{0D108BD9-81ED-4DB2-BD59-A6C34878D82A}">
                    <a16:rowId xmlns:a16="http://schemas.microsoft.com/office/drawing/2014/main" val="4040313101"/>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3 – Allow data quality improvements, remove data duplication, and allow data steward to see data issues and help them correcting them</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ly maintain data quality and remove duplicate records of the Worker, Position, Customer, Asset, and Location master data entities</a:t>
                      </a:r>
                    </a:p>
                  </a:txBody>
                  <a:tcPr marL="51435" marR="51435" marT="0" marB="0"/>
                </a:tc>
                <a:extLst>
                  <a:ext uri="{0D108BD9-81ED-4DB2-BD59-A6C34878D82A}">
                    <a16:rowId xmlns:a16="http://schemas.microsoft.com/office/drawing/2014/main" val="90761321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4 – Create and maintain golden record of master data and sync cleanse and standardise data back to source systems of record</a:t>
                      </a:r>
                    </a:p>
                  </a:txBody>
                  <a:tcPr marL="51435" marR="51435" marT="0" marB="0"/>
                </a:tc>
                <a:tc>
                  <a:txBody>
                    <a:bodyPr/>
                    <a:lstStyle/>
                    <a:p>
                      <a:pPr marL="0" marR="0" lvl="0" indent="0" algn="l" defTabSz="914400" rtl="0" eaLnBrk="1" fontAlgn="base" latinLnBrk="0" hangingPunct="1">
                        <a:lnSpc>
                          <a:spcPct val="107000"/>
                        </a:lnSpc>
                        <a:spcBef>
                          <a:spcPct val="0"/>
                        </a:spcBef>
                        <a:spcAft>
                          <a:spcPts val="0"/>
                        </a:spcAft>
                        <a:buClr>
                          <a:schemeClr val="tx1"/>
                        </a:buClr>
                        <a:buSzTx/>
                        <a:buFontTx/>
                        <a:buNone/>
                        <a:tabLst/>
                        <a:defRPr/>
                      </a:pPr>
                      <a:r>
                        <a:rPr lang="en-GB" sz="1100" b="1" dirty="0">
                          <a:solidFill>
                            <a:schemeClr val="dk1"/>
                          </a:solidFill>
                          <a:effectLst/>
                          <a:latin typeface="+mn-lt"/>
                          <a:ea typeface="+mn-ea"/>
                          <a:cs typeface="+mn-cs"/>
                        </a:rPr>
                        <a:t>Remove data discrepancy between different source systems and </a:t>
                      </a:r>
                      <a:r>
                        <a:rPr lang="en-US" sz="1100" dirty="0"/>
                        <a:t>have an authoritative and a reliable source of </a:t>
                      </a:r>
                      <a:r>
                        <a:rPr lang="en-GB" sz="1100" b="1" dirty="0">
                          <a:solidFill>
                            <a:schemeClr val="dk1"/>
                          </a:solidFill>
                          <a:effectLst/>
                          <a:latin typeface="+mn-lt"/>
                          <a:ea typeface="+mn-ea"/>
                          <a:cs typeface="+mn-cs"/>
                        </a:rPr>
                        <a:t>Customer, Workforce, Asset</a:t>
                      </a:r>
                      <a:r>
                        <a:rPr lang="en-US" sz="1100" dirty="0"/>
                        <a:t> master data that </a:t>
                      </a:r>
                      <a:r>
                        <a:rPr lang="en-GB" sz="1100" b="1" dirty="0">
                          <a:solidFill>
                            <a:schemeClr val="dk1"/>
                          </a:solidFill>
                          <a:effectLst/>
                          <a:latin typeface="+mn-lt"/>
                          <a:ea typeface="+mn-ea"/>
                          <a:cs typeface="+mn-cs"/>
                        </a:rPr>
                        <a:t>solves the one biggest pain point of multiple business areas</a:t>
                      </a:r>
                    </a:p>
                  </a:txBody>
                  <a:tcPr marL="51435" marR="51435" marT="0" marB="0"/>
                </a:tc>
                <a:extLst>
                  <a:ext uri="{0D108BD9-81ED-4DB2-BD59-A6C34878D82A}">
                    <a16:rowId xmlns:a16="http://schemas.microsoft.com/office/drawing/2014/main" val="233785380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5 – Source for Master data for Common Enterprise API/Services, MuleSoft, EDP/Data Lake, or any other downstream systems and improve performance by reducing dependency of source systems </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 clean accurate master data for Common Enterprise API/Services, MuleSoft, EDP/Data Lake, or any other downstream systems </a:t>
                      </a:r>
                    </a:p>
                  </a:txBody>
                  <a:tcPr marL="51435" marR="51435" marT="0" marB="0"/>
                </a:tc>
                <a:extLst>
                  <a:ext uri="{0D108BD9-81ED-4DB2-BD59-A6C34878D82A}">
                    <a16:rowId xmlns:a16="http://schemas.microsoft.com/office/drawing/2014/main" val="1773781003"/>
                  </a:ext>
                </a:extLst>
              </a:tr>
            </a:tbl>
          </a:graphicData>
        </a:graphic>
      </p:graphicFrame>
    </p:spTree>
    <p:extLst>
      <p:ext uri="{BB962C8B-B14F-4D97-AF65-F5344CB8AC3E}">
        <p14:creationId xmlns:p14="http://schemas.microsoft.com/office/powerpoint/2010/main" val="3539986506"/>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Roadmap</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4</a:t>
            </a:r>
            <a:endParaRPr lang="en-GB" sz="6600" dirty="0"/>
          </a:p>
        </p:txBody>
      </p:sp>
    </p:spTree>
    <p:extLst>
      <p:ext uri="{BB962C8B-B14F-4D97-AF65-F5344CB8AC3E}">
        <p14:creationId xmlns:p14="http://schemas.microsoft.com/office/powerpoint/2010/main" val="32974655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Contents</a:t>
            </a:r>
            <a:endParaRPr lang="en-GB" sz="2000" dirty="0"/>
          </a:p>
        </p:txBody>
      </p:sp>
      <p:graphicFrame>
        <p:nvGraphicFramePr>
          <p:cNvPr id="4" name="Group 65">
            <a:extLst>
              <a:ext uri="{FF2B5EF4-FFF2-40B4-BE49-F238E27FC236}">
                <a16:creationId xmlns:a16="http://schemas.microsoft.com/office/drawing/2014/main" id="{C384CB05-63A7-44C4-AFCB-5C0C6D6F50EE}"/>
              </a:ext>
            </a:extLst>
          </p:cNvPr>
          <p:cNvGraphicFramePr>
            <a:graphicFrameLocks noGrp="1"/>
          </p:cNvGraphicFramePr>
          <p:nvPr>
            <p:extLst>
              <p:ext uri="{D42A27DB-BD31-4B8C-83A1-F6EECF244321}">
                <p14:modId xmlns:p14="http://schemas.microsoft.com/office/powerpoint/2010/main" val="1743063737"/>
              </p:ext>
            </p:extLst>
          </p:nvPr>
        </p:nvGraphicFramePr>
        <p:xfrm>
          <a:off x="354938" y="556759"/>
          <a:ext cx="4059015" cy="421602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kern="1200" cap="none" normalizeH="0" baseline="0" dirty="0">
                          <a:ln>
                            <a:noFill/>
                          </a:ln>
                          <a:solidFill>
                            <a:schemeClr val="accent1"/>
                          </a:solidFill>
                          <a:effectLst/>
                          <a:latin typeface="+mn-lt"/>
                          <a:ea typeface="+mn-ea"/>
                          <a:cs typeface="+mn-cs"/>
                        </a:rPr>
                        <a:t>01</a:t>
                      </a: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y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lgn="l" rtl="0" eaLnBrk="1" fontAlgn="base" hangingPunct="1">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ea typeface="+mn-ea"/>
                          <a:cs typeface="Arial" panose="020B0604020202020204" pitchFamily="34" charset="0"/>
                        </a:rPr>
                        <a:t>Why Master Data Management?</a:t>
                      </a:r>
                    </a:p>
                    <a:p>
                      <a:pPr marL="285750" lvl="1" indent="-285750" algn="l" rtl="0" eaLnBrk="1" fontAlgn="base" hangingPunct="1">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ea typeface="+mn-ea"/>
                          <a:cs typeface="Arial" panose="020B0604020202020204" pitchFamily="34" charset="0"/>
                        </a:rPr>
                        <a:t>Business Demand for Master Data Management</a:t>
                      </a:r>
                    </a:p>
                    <a:p>
                      <a:pPr marL="285750" lvl="1" indent="-285750" algn="l" rtl="0" eaLnBrk="1" fontAlgn="base" hangingPunct="1">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ea typeface="+mn-ea"/>
                          <a:cs typeface="Arial" panose="020B0604020202020204" pitchFamily="34" charset="0"/>
                        </a:rPr>
                        <a:t>Enterprise Data Capabilities Modernization</a:t>
                      </a:r>
                    </a:p>
                    <a:p>
                      <a:pPr marL="285750" lvl="1" indent="-285750" algn="l" rtl="0" eaLnBrk="1" fontAlgn="base" hangingPunct="1">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ea typeface="+mn-ea"/>
                          <a:cs typeface="Arial" panose="020B0604020202020204" pitchFamily="34" charset="0"/>
                        </a:rPr>
                        <a:t>Enterprise Data Platform</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2</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at is Master Data?</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ea typeface="+mn-ea"/>
                          <a:cs typeface="Arial" panose="020B0604020202020204" pitchFamily="34" charset="0"/>
                        </a:rPr>
                        <a:t>Meta Data, Master Data, Transaction Data</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Example: UK Ellipse Work Order</a:t>
                      </a: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3</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sz="1200" b="0" i="0" u="none" strike="noStrike" kern="1200" cap="none" spc="0" normalizeH="0" baseline="0" noProof="0" dirty="0">
                          <a:ln>
                            <a:noFill/>
                          </a:ln>
                          <a:solidFill>
                            <a:schemeClr val="tx1">
                              <a:lumMod val="50000"/>
                            </a:schemeClr>
                          </a:solidFill>
                          <a:effectLst/>
                          <a:uLnTx/>
                          <a:uFillTx/>
                          <a:latin typeface="+mn-lt"/>
                          <a:ea typeface="+mn-ea"/>
                          <a:cs typeface="+mn-cs"/>
                        </a:rPr>
                        <a:t>What is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aster Data Management Architecture Vision</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DM High Level Architecture</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DM Implementation Styles</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Benefits of 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aster Data Management Use Case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907964038"/>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79140201"/>
                  </a:ext>
                </a:extLst>
              </a:tr>
            </a:tbl>
          </a:graphicData>
        </a:graphic>
      </p:graphicFrame>
      <p:graphicFrame>
        <p:nvGraphicFramePr>
          <p:cNvPr id="5" name="Group 65">
            <a:extLst>
              <a:ext uri="{FF2B5EF4-FFF2-40B4-BE49-F238E27FC236}">
                <a16:creationId xmlns:a16="http://schemas.microsoft.com/office/drawing/2014/main" id="{608D85BD-C5FD-42AE-B33A-1F65DB3FCBED}"/>
              </a:ext>
            </a:extLst>
          </p:cNvPr>
          <p:cNvGraphicFramePr>
            <a:graphicFrameLocks noGrp="1"/>
          </p:cNvGraphicFramePr>
          <p:nvPr>
            <p:extLst>
              <p:ext uri="{D42A27DB-BD31-4B8C-83A1-F6EECF244321}">
                <p14:modId xmlns:p14="http://schemas.microsoft.com/office/powerpoint/2010/main" val="633817692"/>
              </p:ext>
            </p:extLst>
          </p:nvPr>
        </p:nvGraphicFramePr>
        <p:xfrm>
          <a:off x="4587560" y="556759"/>
          <a:ext cx="4059015" cy="200094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4</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mn-lt"/>
                          <a:ea typeface="+mn-ea"/>
                          <a:cs typeface="+mn-cs"/>
                        </a:rPr>
                        <a:t>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Data Capability Enablement Tools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aster Data Managemen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UK Asse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aster Data Management Vendor/Tool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en-GB" sz="1400" b="1" i="0" u="none" strike="noStrike" cap="none" normalizeH="0" baseline="0" dirty="0">
                          <a:ln>
                            <a:noFill/>
                          </a:ln>
                          <a:solidFill>
                            <a:schemeClr val="accent1"/>
                          </a:solidFill>
                          <a:effectLst/>
                          <a:latin typeface="+mn-lt"/>
                        </a:rPr>
                        <a:t>05</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Question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bl>
          </a:graphicData>
        </a:graphic>
      </p:graphicFrame>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827308"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Data Capability Enablement Tools Roadmap (as of Feb 2021)</a:t>
            </a:r>
          </a:p>
        </p:txBody>
      </p:sp>
      <p:sp>
        <p:nvSpPr>
          <p:cNvPr id="4" name="TextBox 3">
            <a:extLst>
              <a:ext uri="{FF2B5EF4-FFF2-40B4-BE49-F238E27FC236}">
                <a16:creationId xmlns:a16="http://schemas.microsoft.com/office/drawing/2014/main" id="{C82BD644-BA6F-4D4D-875A-8ED947EAA3C4}"/>
              </a:ext>
            </a:extLst>
          </p:cNvPr>
          <p:cNvSpPr txBox="1"/>
          <p:nvPr/>
        </p:nvSpPr>
        <p:spPr bwMode="auto">
          <a:xfrm flipH="1">
            <a:off x="769943" y="653702"/>
            <a:ext cx="304552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a:solidFill>
                  <a:srgbClr val="FFFFFF"/>
                </a:solidFill>
                <a:latin typeface="Arial"/>
                <a:ea typeface="ＭＳ Ｐゴシック"/>
              </a:rPr>
              <a:t>2020</a:t>
            </a:r>
          </a:p>
        </p:txBody>
      </p:sp>
      <p:sp>
        <p:nvSpPr>
          <p:cNvPr id="7" name="Rectangle 6">
            <a:extLst>
              <a:ext uri="{FF2B5EF4-FFF2-40B4-BE49-F238E27FC236}">
                <a16:creationId xmlns:a16="http://schemas.microsoft.com/office/drawing/2014/main" id="{EDE05590-471C-4C17-90DB-0B0C983FA9C2}"/>
              </a:ext>
            </a:extLst>
          </p:cNvPr>
          <p:cNvSpPr/>
          <p:nvPr/>
        </p:nvSpPr>
        <p:spPr>
          <a:xfrm>
            <a:off x="3864273" y="860742"/>
            <a:ext cx="747478" cy="143552"/>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Jan</a:t>
            </a:r>
          </a:p>
        </p:txBody>
      </p:sp>
      <p:sp>
        <p:nvSpPr>
          <p:cNvPr id="8" name="Rectangle 7">
            <a:extLst>
              <a:ext uri="{FF2B5EF4-FFF2-40B4-BE49-F238E27FC236}">
                <a16:creationId xmlns:a16="http://schemas.microsoft.com/office/drawing/2014/main" id="{695AB941-F58F-48CE-93A9-1E641A4A283F}"/>
              </a:ext>
            </a:extLst>
          </p:cNvPr>
          <p:cNvSpPr/>
          <p:nvPr/>
        </p:nvSpPr>
        <p:spPr>
          <a:xfrm>
            <a:off x="4641277" y="860242"/>
            <a:ext cx="747478" cy="143461"/>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Feb </a:t>
            </a:r>
          </a:p>
        </p:txBody>
      </p:sp>
      <p:sp>
        <p:nvSpPr>
          <p:cNvPr id="9" name="Rectangle 8">
            <a:extLst>
              <a:ext uri="{FF2B5EF4-FFF2-40B4-BE49-F238E27FC236}">
                <a16:creationId xmlns:a16="http://schemas.microsoft.com/office/drawing/2014/main" id="{A56D166F-038A-4557-AF17-85607A8DED3A}"/>
              </a:ext>
            </a:extLst>
          </p:cNvPr>
          <p:cNvSpPr/>
          <p:nvPr/>
        </p:nvSpPr>
        <p:spPr>
          <a:xfrm>
            <a:off x="5419473" y="860319"/>
            <a:ext cx="747478" cy="149338"/>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Mar</a:t>
            </a:r>
          </a:p>
        </p:txBody>
      </p:sp>
      <p:sp>
        <p:nvSpPr>
          <p:cNvPr id="10" name="Rectangle 9">
            <a:extLst>
              <a:ext uri="{FF2B5EF4-FFF2-40B4-BE49-F238E27FC236}">
                <a16:creationId xmlns:a16="http://schemas.microsoft.com/office/drawing/2014/main" id="{7E55747A-3952-41C8-9D03-5D51DFE8AD71}"/>
              </a:ext>
            </a:extLst>
          </p:cNvPr>
          <p:cNvSpPr/>
          <p:nvPr/>
        </p:nvSpPr>
        <p:spPr>
          <a:xfrm>
            <a:off x="7777140" y="855261"/>
            <a:ext cx="747478" cy="151592"/>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4</a:t>
            </a:r>
          </a:p>
        </p:txBody>
      </p:sp>
      <p:sp>
        <p:nvSpPr>
          <p:cNvPr id="11" name="Rectangle 10">
            <a:extLst>
              <a:ext uri="{FF2B5EF4-FFF2-40B4-BE49-F238E27FC236}">
                <a16:creationId xmlns:a16="http://schemas.microsoft.com/office/drawing/2014/main" id="{B8CB6863-3807-4B71-B5F0-DE7FF3F76B00}"/>
              </a:ext>
            </a:extLst>
          </p:cNvPr>
          <p:cNvSpPr/>
          <p:nvPr/>
        </p:nvSpPr>
        <p:spPr>
          <a:xfrm>
            <a:off x="6988115" y="856625"/>
            <a:ext cx="747478" cy="15022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3</a:t>
            </a:r>
          </a:p>
        </p:txBody>
      </p:sp>
      <p:sp>
        <p:nvSpPr>
          <p:cNvPr id="12" name="TextBox 11">
            <a:extLst>
              <a:ext uri="{FF2B5EF4-FFF2-40B4-BE49-F238E27FC236}">
                <a16:creationId xmlns:a16="http://schemas.microsoft.com/office/drawing/2014/main" id="{B092BEBC-5A2A-4BEA-9E76-C7FFA01694AA}"/>
              </a:ext>
            </a:extLst>
          </p:cNvPr>
          <p:cNvSpPr txBox="1"/>
          <p:nvPr/>
        </p:nvSpPr>
        <p:spPr bwMode="auto">
          <a:xfrm flipH="1">
            <a:off x="3864272" y="653252"/>
            <a:ext cx="4660345" cy="16927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a:solidFill>
                  <a:srgbClr val="FFFFFF"/>
                </a:solidFill>
              </a:rPr>
              <a:t>2021</a:t>
            </a:r>
          </a:p>
        </p:txBody>
      </p:sp>
      <p:sp>
        <p:nvSpPr>
          <p:cNvPr id="13" name="Rectangle 12">
            <a:extLst>
              <a:ext uri="{FF2B5EF4-FFF2-40B4-BE49-F238E27FC236}">
                <a16:creationId xmlns:a16="http://schemas.microsoft.com/office/drawing/2014/main" id="{0BD9E1C3-12EE-4287-B144-8526888D2347}"/>
              </a:ext>
            </a:extLst>
          </p:cNvPr>
          <p:cNvSpPr/>
          <p:nvPr/>
        </p:nvSpPr>
        <p:spPr>
          <a:xfrm>
            <a:off x="6200363" y="855205"/>
            <a:ext cx="747478" cy="15640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2</a:t>
            </a:r>
          </a:p>
        </p:txBody>
      </p:sp>
      <p:sp>
        <p:nvSpPr>
          <p:cNvPr id="21" name="OTLSHAPE_SL_bb31dba40afb42509c61b1136d9b8acb_BackgroundRectangle">
            <a:extLst>
              <a:ext uri="{FF2B5EF4-FFF2-40B4-BE49-F238E27FC236}">
                <a16:creationId xmlns:a16="http://schemas.microsoft.com/office/drawing/2014/main" id="{6B8B46E2-54AE-4714-9D72-F957C9648596}"/>
              </a:ext>
            </a:extLst>
          </p:cNvPr>
          <p:cNvSpPr/>
          <p:nvPr>
            <p:custDataLst>
              <p:tags r:id="rId1"/>
            </p:custDataLst>
          </p:nvPr>
        </p:nvSpPr>
        <p:spPr>
          <a:xfrm>
            <a:off x="769943" y="1081545"/>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5" name="Rectangle 84">
            <a:extLst>
              <a:ext uri="{FF2B5EF4-FFF2-40B4-BE49-F238E27FC236}">
                <a16:creationId xmlns:a16="http://schemas.microsoft.com/office/drawing/2014/main" id="{9533184C-132F-4A5A-B970-D1144E9F87FE}"/>
              </a:ext>
            </a:extLst>
          </p:cNvPr>
          <p:cNvSpPr/>
          <p:nvPr/>
        </p:nvSpPr>
        <p:spPr>
          <a:xfrm>
            <a:off x="3083484" y="866377"/>
            <a:ext cx="747478" cy="13378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4</a:t>
            </a:r>
          </a:p>
        </p:txBody>
      </p:sp>
      <p:sp>
        <p:nvSpPr>
          <p:cNvPr id="86" name="Rectangle 85">
            <a:extLst>
              <a:ext uri="{FF2B5EF4-FFF2-40B4-BE49-F238E27FC236}">
                <a16:creationId xmlns:a16="http://schemas.microsoft.com/office/drawing/2014/main" id="{BDC9B5BA-FF27-467F-8577-FA4C862A6A13}"/>
              </a:ext>
            </a:extLst>
          </p:cNvPr>
          <p:cNvSpPr/>
          <p:nvPr/>
        </p:nvSpPr>
        <p:spPr>
          <a:xfrm>
            <a:off x="2312825" y="861399"/>
            <a:ext cx="747478" cy="144414"/>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3</a:t>
            </a:r>
          </a:p>
        </p:txBody>
      </p:sp>
      <p:sp>
        <p:nvSpPr>
          <p:cNvPr id="87" name="Rectangle 86">
            <a:extLst>
              <a:ext uri="{FF2B5EF4-FFF2-40B4-BE49-F238E27FC236}">
                <a16:creationId xmlns:a16="http://schemas.microsoft.com/office/drawing/2014/main" id="{2797E4D5-8E08-4C2A-BA2B-97F5FB8B681B}"/>
              </a:ext>
            </a:extLst>
          </p:cNvPr>
          <p:cNvSpPr/>
          <p:nvPr/>
        </p:nvSpPr>
        <p:spPr>
          <a:xfrm>
            <a:off x="1539545" y="865313"/>
            <a:ext cx="747478" cy="134852"/>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2</a:t>
            </a:r>
          </a:p>
        </p:txBody>
      </p:sp>
      <p:sp>
        <p:nvSpPr>
          <p:cNvPr id="88" name="Rectangle 87">
            <a:extLst>
              <a:ext uri="{FF2B5EF4-FFF2-40B4-BE49-F238E27FC236}">
                <a16:creationId xmlns:a16="http://schemas.microsoft.com/office/drawing/2014/main" id="{A21A2B31-0A5A-44B6-B593-CF9B5400F3BD}"/>
              </a:ext>
            </a:extLst>
          </p:cNvPr>
          <p:cNvSpPr/>
          <p:nvPr/>
        </p:nvSpPr>
        <p:spPr>
          <a:xfrm>
            <a:off x="769943" y="861167"/>
            <a:ext cx="747478" cy="13899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Q1</a:t>
            </a:r>
          </a:p>
        </p:txBody>
      </p:sp>
      <p:sp>
        <p:nvSpPr>
          <p:cNvPr id="93" name="TextBox 92">
            <a:extLst>
              <a:ext uri="{FF2B5EF4-FFF2-40B4-BE49-F238E27FC236}">
                <a16:creationId xmlns:a16="http://schemas.microsoft.com/office/drawing/2014/main" id="{92F0B843-4295-4BE3-8391-F7B4BF851785}"/>
              </a:ext>
            </a:extLst>
          </p:cNvPr>
          <p:cNvSpPr txBox="1"/>
          <p:nvPr/>
        </p:nvSpPr>
        <p:spPr bwMode="auto">
          <a:xfrm>
            <a:off x="5131420" y="486729"/>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800" fontAlgn="auto">
              <a:spcBef>
                <a:spcPts val="0"/>
              </a:spcBef>
              <a:spcAft>
                <a:spcPts val="0"/>
              </a:spcAft>
              <a:buClr>
                <a:srgbClr val="55555A"/>
              </a:buClr>
              <a:defRPr/>
            </a:pPr>
            <a:r>
              <a:rPr lang="en-US" sz="800" b="0">
                <a:solidFill>
                  <a:srgbClr val="55555A"/>
                </a:solidFill>
                <a:latin typeface="Arial"/>
                <a:ea typeface="ＭＳ Ｐゴシック"/>
              </a:rPr>
              <a:t>Capability available </a:t>
            </a:r>
          </a:p>
        </p:txBody>
      </p:sp>
      <p:sp>
        <p:nvSpPr>
          <p:cNvPr id="94" name="TextBox 93">
            <a:extLst>
              <a:ext uri="{FF2B5EF4-FFF2-40B4-BE49-F238E27FC236}">
                <a16:creationId xmlns:a16="http://schemas.microsoft.com/office/drawing/2014/main" id="{9E15884B-85B4-462D-87D3-DCBE6AFCECE8}"/>
              </a:ext>
            </a:extLst>
          </p:cNvPr>
          <p:cNvSpPr txBox="1"/>
          <p:nvPr/>
        </p:nvSpPr>
        <p:spPr bwMode="auto">
          <a:xfrm>
            <a:off x="3002635" y="490022"/>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800" fontAlgn="auto">
              <a:spcBef>
                <a:spcPts val="0"/>
              </a:spcBef>
              <a:spcAft>
                <a:spcPts val="0"/>
              </a:spcAft>
              <a:buClr>
                <a:srgbClr val="55555A"/>
              </a:buClr>
              <a:defRPr/>
            </a:pPr>
            <a:r>
              <a:rPr lang="en-US" sz="800" b="0">
                <a:solidFill>
                  <a:srgbClr val="55555A"/>
                </a:solidFill>
                <a:latin typeface="Arial"/>
                <a:ea typeface="ＭＳ Ｐゴシック"/>
              </a:rPr>
              <a:t>Tool(s) Selected</a:t>
            </a:r>
          </a:p>
        </p:txBody>
      </p:sp>
      <p:sp>
        <p:nvSpPr>
          <p:cNvPr id="95" name="Oval 94">
            <a:extLst>
              <a:ext uri="{FF2B5EF4-FFF2-40B4-BE49-F238E27FC236}">
                <a16:creationId xmlns:a16="http://schemas.microsoft.com/office/drawing/2014/main" id="{137E58AD-206D-452F-AEF3-40DCA0D3D13C}"/>
              </a:ext>
            </a:extLst>
          </p:cNvPr>
          <p:cNvSpPr/>
          <p:nvPr/>
        </p:nvSpPr>
        <p:spPr bwMode="auto">
          <a:xfrm>
            <a:off x="1755316" y="493646"/>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800" b="0" kern="1200">
                <a:solidFill>
                  <a:srgbClr val="FFFFFF"/>
                </a:solidFill>
                <a:latin typeface="Arial"/>
                <a:ea typeface="ＭＳ Ｐゴシック"/>
                <a:cs typeface="Arial"/>
              </a:rPr>
              <a:t> </a:t>
            </a:r>
          </a:p>
        </p:txBody>
      </p:sp>
      <p:sp>
        <p:nvSpPr>
          <p:cNvPr id="96" name="TextBox 95">
            <a:extLst>
              <a:ext uri="{FF2B5EF4-FFF2-40B4-BE49-F238E27FC236}">
                <a16:creationId xmlns:a16="http://schemas.microsoft.com/office/drawing/2014/main" id="{6F13A810-617B-4AFB-935A-158425E321F5}"/>
              </a:ext>
            </a:extLst>
          </p:cNvPr>
          <p:cNvSpPr txBox="1"/>
          <p:nvPr/>
        </p:nvSpPr>
        <p:spPr bwMode="auto">
          <a:xfrm>
            <a:off x="1888436" y="489316"/>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800" fontAlgn="auto">
              <a:spcBef>
                <a:spcPts val="0"/>
              </a:spcBef>
              <a:spcAft>
                <a:spcPts val="0"/>
              </a:spcAft>
              <a:buClr>
                <a:srgbClr val="55555A"/>
              </a:buClr>
              <a:defRPr/>
            </a:pPr>
            <a:r>
              <a:rPr lang="en-US" sz="800" b="0">
                <a:solidFill>
                  <a:srgbClr val="55555A"/>
                </a:solidFill>
                <a:latin typeface="Arial"/>
                <a:ea typeface="ＭＳ Ｐゴシック"/>
              </a:rPr>
              <a:t>Research Initiated</a:t>
            </a:r>
          </a:p>
        </p:txBody>
      </p:sp>
      <p:sp>
        <p:nvSpPr>
          <p:cNvPr id="97" name="TextBox 96">
            <a:extLst>
              <a:ext uri="{FF2B5EF4-FFF2-40B4-BE49-F238E27FC236}">
                <a16:creationId xmlns:a16="http://schemas.microsoft.com/office/drawing/2014/main" id="{156700F9-AD67-4C89-BC9D-EC7A995EE2D9}"/>
              </a:ext>
            </a:extLst>
          </p:cNvPr>
          <p:cNvSpPr txBox="1"/>
          <p:nvPr/>
        </p:nvSpPr>
        <p:spPr bwMode="auto">
          <a:xfrm>
            <a:off x="6279304" y="486509"/>
            <a:ext cx="731304" cy="123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800" fontAlgn="auto">
              <a:spcBef>
                <a:spcPts val="0"/>
              </a:spcBef>
              <a:spcAft>
                <a:spcPts val="0"/>
              </a:spcAft>
              <a:buClr>
                <a:srgbClr val="55555A"/>
              </a:buClr>
              <a:defRPr/>
            </a:pPr>
            <a:r>
              <a:rPr lang="en-US" sz="800" b="0">
                <a:solidFill>
                  <a:srgbClr val="55555A"/>
                </a:solidFill>
                <a:latin typeface="Arial"/>
                <a:ea typeface="ＭＳ Ｐゴシック"/>
              </a:rPr>
              <a:t>Expected GA</a:t>
            </a:r>
          </a:p>
        </p:txBody>
      </p:sp>
      <p:sp>
        <p:nvSpPr>
          <p:cNvPr id="99" name="TextBox 98">
            <a:extLst>
              <a:ext uri="{FF2B5EF4-FFF2-40B4-BE49-F238E27FC236}">
                <a16:creationId xmlns:a16="http://schemas.microsoft.com/office/drawing/2014/main" id="{B477EEB2-5DF2-407F-AAB7-97D128228736}"/>
              </a:ext>
            </a:extLst>
          </p:cNvPr>
          <p:cNvSpPr txBox="1"/>
          <p:nvPr/>
        </p:nvSpPr>
        <p:spPr bwMode="auto">
          <a:xfrm>
            <a:off x="7165364" y="481942"/>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800" fontAlgn="auto">
              <a:spcBef>
                <a:spcPts val="0"/>
              </a:spcBef>
              <a:spcAft>
                <a:spcPts val="0"/>
              </a:spcAft>
              <a:buClr>
                <a:srgbClr val="55555A"/>
              </a:buClr>
              <a:defRPr/>
            </a:pPr>
            <a:r>
              <a:rPr lang="en-US" sz="800" b="0">
                <a:solidFill>
                  <a:srgbClr val="55555A"/>
                </a:solidFill>
                <a:latin typeface="Arial"/>
                <a:ea typeface="ＭＳ Ｐゴシック"/>
              </a:rPr>
              <a:t>Actively Deployed</a:t>
            </a:r>
          </a:p>
        </p:txBody>
      </p:sp>
      <p:sp>
        <p:nvSpPr>
          <p:cNvPr id="100" name="Oval 99">
            <a:extLst>
              <a:ext uri="{FF2B5EF4-FFF2-40B4-BE49-F238E27FC236}">
                <a16:creationId xmlns:a16="http://schemas.microsoft.com/office/drawing/2014/main" id="{056FBC45-B315-433B-9CF4-953CB94DE2C5}"/>
              </a:ext>
            </a:extLst>
          </p:cNvPr>
          <p:cNvSpPr/>
          <p:nvPr/>
        </p:nvSpPr>
        <p:spPr bwMode="auto">
          <a:xfrm>
            <a:off x="4977591" y="478492"/>
            <a:ext cx="110227" cy="125633"/>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800" b="0" kern="1200">
                <a:solidFill>
                  <a:srgbClr val="FFFFFF"/>
                </a:solidFill>
                <a:latin typeface="Arial"/>
                <a:ea typeface="ＭＳ Ｐゴシック"/>
                <a:cs typeface="Arial"/>
              </a:rPr>
              <a:t> </a:t>
            </a:r>
          </a:p>
        </p:txBody>
      </p:sp>
      <p:sp>
        <p:nvSpPr>
          <p:cNvPr id="101" name="Rectangle: Rounded Corners 100">
            <a:extLst>
              <a:ext uri="{FF2B5EF4-FFF2-40B4-BE49-F238E27FC236}">
                <a16:creationId xmlns:a16="http://schemas.microsoft.com/office/drawing/2014/main" id="{7B104B4E-87C7-4BE8-877F-567CD5DFD1B2}"/>
              </a:ext>
            </a:extLst>
          </p:cNvPr>
          <p:cNvSpPr/>
          <p:nvPr/>
        </p:nvSpPr>
        <p:spPr bwMode="auto">
          <a:xfrm>
            <a:off x="2863601" y="490458"/>
            <a:ext cx="110227" cy="125633"/>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800" b="0" kern="1200">
                <a:solidFill>
                  <a:srgbClr val="FFFFFF"/>
                </a:solidFill>
                <a:latin typeface="Arial"/>
                <a:ea typeface="ＭＳ Ｐゴシック"/>
                <a:cs typeface="Arial"/>
              </a:rPr>
              <a:t> </a:t>
            </a:r>
          </a:p>
        </p:txBody>
      </p:sp>
      <p:sp>
        <p:nvSpPr>
          <p:cNvPr id="103" name="OTLSHAPE_SL_bb31dba40afb42509c61b1136d9b8acb_BackgroundRectangle">
            <a:extLst>
              <a:ext uri="{FF2B5EF4-FFF2-40B4-BE49-F238E27FC236}">
                <a16:creationId xmlns:a16="http://schemas.microsoft.com/office/drawing/2014/main" id="{9400DDA7-588E-441B-BB12-81B104B7FAB4}"/>
              </a:ext>
            </a:extLst>
          </p:cNvPr>
          <p:cNvSpPr/>
          <p:nvPr>
            <p:custDataLst>
              <p:tags r:id="rId2"/>
            </p:custDataLst>
          </p:nvPr>
        </p:nvSpPr>
        <p:spPr>
          <a:xfrm>
            <a:off x="778507" y="1593535"/>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4" name="OTLSHAPE_SL_bb31dba40afb42509c61b1136d9b8acb_BackgroundRectangle">
            <a:extLst>
              <a:ext uri="{FF2B5EF4-FFF2-40B4-BE49-F238E27FC236}">
                <a16:creationId xmlns:a16="http://schemas.microsoft.com/office/drawing/2014/main" id="{60F34340-F055-41A8-AE0C-E0FF68FDABFB}"/>
              </a:ext>
            </a:extLst>
          </p:cNvPr>
          <p:cNvSpPr/>
          <p:nvPr>
            <p:custDataLst>
              <p:tags r:id="rId3"/>
            </p:custDataLst>
          </p:nvPr>
        </p:nvSpPr>
        <p:spPr>
          <a:xfrm>
            <a:off x="787071" y="2115805"/>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_bb31dba40afb42509c61b1136d9b8acb_BackgroundRectangle">
            <a:extLst>
              <a:ext uri="{FF2B5EF4-FFF2-40B4-BE49-F238E27FC236}">
                <a16:creationId xmlns:a16="http://schemas.microsoft.com/office/drawing/2014/main" id="{C5E097C8-60DA-4324-8414-6F0BC5A4FCB8}"/>
              </a:ext>
            </a:extLst>
          </p:cNvPr>
          <p:cNvSpPr/>
          <p:nvPr>
            <p:custDataLst>
              <p:tags r:id="rId4"/>
            </p:custDataLst>
          </p:nvPr>
        </p:nvSpPr>
        <p:spPr>
          <a:xfrm>
            <a:off x="787071" y="2638075"/>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bb31dba40afb42509c61b1136d9b8acb_BackgroundRectangle">
            <a:extLst>
              <a:ext uri="{FF2B5EF4-FFF2-40B4-BE49-F238E27FC236}">
                <a16:creationId xmlns:a16="http://schemas.microsoft.com/office/drawing/2014/main" id="{BDC1F17C-708C-4993-83F4-1C5920133BAA}"/>
              </a:ext>
            </a:extLst>
          </p:cNvPr>
          <p:cNvSpPr/>
          <p:nvPr>
            <p:custDataLst>
              <p:tags r:id="rId5"/>
            </p:custDataLst>
          </p:nvPr>
        </p:nvSpPr>
        <p:spPr>
          <a:xfrm>
            <a:off x="787071" y="3155008"/>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7" name="OTLSHAPE_SL_bb31dba40afb42509c61b1136d9b8acb_BackgroundRectangle">
            <a:extLst>
              <a:ext uri="{FF2B5EF4-FFF2-40B4-BE49-F238E27FC236}">
                <a16:creationId xmlns:a16="http://schemas.microsoft.com/office/drawing/2014/main" id="{D1FD521A-580D-44FD-B5D8-9B260A592717}"/>
              </a:ext>
            </a:extLst>
          </p:cNvPr>
          <p:cNvSpPr/>
          <p:nvPr>
            <p:custDataLst>
              <p:tags r:id="rId6"/>
            </p:custDataLst>
          </p:nvPr>
        </p:nvSpPr>
        <p:spPr>
          <a:xfrm>
            <a:off x="788781" y="3691704"/>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OTLSHAPE_SL_bb31dba40afb42509c61b1136d9b8acb_BackgroundRectangle">
            <a:extLst>
              <a:ext uri="{FF2B5EF4-FFF2-40B4-BE49-F238E27FC236}">
                <a16:creationId xmlns:a16="http://schemas.microsoft.com/office/drawing/2014/main" id="{963F7880-E826-4ECD-8D51-8BF988D8376F}"/>
              </a:ext>
            </a:extLst>
          </p:cNvPr>
          <p:cNvSpPr/>
          <p:nvPr>
            <p:custDataLst>
              <p:tags r:id="rId7"/>
            </p:custDataLst>
          </p:nvPr>
        </p:nvSpPr>
        <p:spPr>
          <a:xfrm>
            <a:off x="787071" y="4224242"/>
            <a:ext cx="7754674"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2" name="Rectangle 111">
            <a:extLst>
              <a:ext uri="{FF2B5EF4-FFF2-40B4-BE49-F238E27FC236}">
                <a16:creationId xmlns:a16="http://schemas.microsoft.com/office/drawing/2014/main" id="{808FCA89-E37B-4EE2-AD22-EBC87F4574BF}"/>
              </a:ext>
            </a:extLst>
          </p:cNvPr>
          <p:cNvSpPr/>
          <p:nvPr/>
        </p:nvSpPr>
        <p:spPr>
          <a:xfrm>
            <a:off x="682920" y="1297415"/>
            <a:ext cx="2236694" cy="230832"/>
          </a:xfrm>
          <a:prstGeom prst="rect">
            <a:avLst/>
          </a:prstGeom>
        </p:spPr>
        <p:txBody>
          <a:bodyPr wrap="square">
            <a:spAutoFit/>
          </a:bodyPr>
          <a:lstStyle/>
          <a:p>
            <a:pPr defTabSz="685766" fontAlgn="auto">
              <a:spcBef>
                <a:spcPts val="0"/>
              </a:spcBef>
              <a:spcAft>
                <a:spcPts val="0"/>
              </a:spcAft>
              <a:buClrTx/>
              <a:defRPr/>
            </a:pPr>
            <a:r>
              <a:rPr lang="en-US" sz="900" b="0" kern="1200">
                <a:solidFill>
                  <a:srgbClr val="00148C"/>
                </a:solidFill>
                <a:latin typeface="Arial"/>
                <a:ea typeface="ＭＳ Ｐゴシック"/>
              </a:rPr>
              <a:t>Data</a:t>
            </a:r>
            <a:r>
              <a:rPr lang="en-US" sz="900" b="0" kern="1200">
                <a:solidFill>
                  <a:srgbClr val="55555A"/>
                </a:solidFill>
                <a:latin typeface="Arial"/>
                <a:ea typeface="ＭＳ Ｐゴシック"/>
              </a:rPr>
              <a:t> </a:t>
            </a:r>
            <a:r>
              <a:rPr lang="en-US" sz="900" b="0" kern="1200">
                <a:solidFill>
                  <a:srgbClr val="00148C"/>
                </a:solidFill>
                <a:latin typeface="Arial"/>
                <a:ea typeface="ＭＳ Ｐゴシック"/>
              </a:rPr>
              <a:t>Analytics</a:t>
            </a:r>
            <a:r>
              <a:rPr lang="en-US" sz="900" b="0" kern="1200">
                <a:solidFill>
                  <a:srgbClr val="55555A"/>
                </a:solidFill>
                <a:latin typeface="Arial"/>
                <a:ea typeface="ＭＳ Ｐゴシック"/>
              </a:rPr>
              <a:t> </a:t>
            </a:r>
            <a:r>
              <a:rPr lang="en-US" sz="900" b="0" kern="1200">
                <a:solidFill>
                  <a:srgbClr val="00148C"/>
                </a:solidFill>
                <a:latin typeface="Arial"/>
                <a:ea typeface="ＭＳ Ｐゴシック"/>
              </a:rPr>
              <a:t>&amp;</a:t>
            </a:r>
            <a:r>
              <a:rPr lang="en-US" sz="900" b="0" kern="1200">
                <a:solidFill>
                  <a:srgbClr val="55555A"/>
                </a:solidFill>
                <a:latin typeface="Arial"/>
                <a:ea typeface="ＭＳ Ｐゴシック"/>
              </a:rPr>
              <a:t> </a:t>
            </a:r>
            <a:r>
              <a:rPr lang="en-US" sz="900" b="0" kern="1200">
                <a:solidFill>
                  <a:srgbClr val="00148C"/>
                </a:solidFill>
                <a:latin typeface="Arial"/>
                <a:ea typeface="ＭＳ Ｐゴシック"/>
              </a:rPr>
              <a:t>Reporting – </a:t>
            </a:r>
            <a:r>
              <a:rPr lang="en-US" sz="900" kern="1200">
                <a:solidFill>
                  <a:srgbClr val="C800A1">
                    <a:lumMod val="75000"/>
                  </a:srgbClr>
                </a:solidFill>
                <a:latin typeface="Arial"/>
                <a:ea typeface="ＭＳ Ｐゴシック"/>
              </a:rPr>
              <a:t>Power BI</a:t>
            </a:r>
          </a:p>
        </p:txBody>
      </p:sp>
      <p:sp>
        <p:nvSpPr>
          <p:cNvPr id="114" name="Pentagon 12">
            <a:extLst>
              <a:ext uri="{FF2B5EF4-FFF2-40B4-BE49-F238E27FC236}">
                <a16:creationId xmlns:a16="http://schemas.microsoft.com/office/drawing/2014/main" id="{30BA6E02-D850-460C-8910-5510EDF1D460}"/>
              </a:ext>
            </a:extLst>
          </p:cNvPr>
          <p:cNvSpPr/>
          <p:nvPr/>
        </p:nvSpPr>
        <p:spPr>
          <a:xfrm>
            <a:off x="787071" y="1132457"/>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15" name="Oval 114">
            <a:extLst>
              <a:ext uri="{FF2B5EF4-FFF2-40B4-BE49-F238E27FC236}">
                <a16:creationId xmlns:a16="http://schemas.microsoft.com/office/drawing/2014/main" id="{560032BB-AA3F-4FE2-8E63-7B804E341777}"/>
              </a:ext>
            </a:extLst>
          </p:cNvPr>
          <p:cNvSpPr/>
          <p:nvPr/>
        </p:nvSpPr>
        <p:spPr bwMode="auto">
          <a:xfrm>
            <a:off x="1057970" y="118644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endParaRPr lang="en-US" sz="525" b="0" kern="1200">
              <a:solidFill>
                <a:srgbClr val="FFFFFF"/>
              </a:solidFill>
              <a:latin typeface="Arial"/>
              <a:ea typeface="ＭＳ Ｐゴシック"/>
              <a:cs typeface="Arial"/>
            </a:endParaRPr>
          </a:p>
        </p:txBody>
      </p:sp>
      <p:sp>
        <p:nvSpPr>
          <p:cNvPr id="116" name="Rectangle 115">
            <a:extLst>
              <a:ext uri="{FF2B5EF4-FFF2-40B4-BE49-F238E27FC236}">
                <a16:creationId xmlns:a16="http://schemas.microsoft.com/office/drawing/2014/main" id="{9EE6487C-56DF-4063-9381-5F5218B332A6}"/>
              </a:ext>
            </a:extLst>
          </p:cNvPr>
          <p:cNvSpPr/>
          <p:nvPr/>
        </p:nvSpPr>
        <p:spPr>
          <a:xfrm>
            <a:off x="1091385" y="1810759"/>
            <a:ext cx="1882443" cy="230832"/>
          </a:xfrm>
          <a:prstGeom prst="rect">
            <a:avLst/>
          </a:prstGeom>
        </p:spPr>
        <p:txBody>
          <a:bodyPr wrap="square">
            <a:spAutoFit/>
          </a:bodyPr>
          <a:lstStyle/>
          <a:p>
            <a:pPr defTabSz="685766" fontAlgn="auto">
              <a:spcBef>
                <a:spcPts val="0"/>
              </a:spcBef>
              <a:spcAft>
                <a:spcPts val="0"/>
              </a:spcAft>
              <a:buClrTx/>
              <a:defRPr/>
            </a:pPr>
            <a:r>
              <a:rPr lang="en-US" sz="900" b="0" kern="1200">
                <a:solidFill>
                  <a:srgbClr val="00148C"/>
                </a:solidFill>
                <a:latin typeface="Arial"/>
                <a:ea typeface="ＭＳ Ｐゴシック"/>
              </a:rPr>
              <a:t>Data Modeling - </a:t>
            </a:r>
            <a:r>
              <a:rPr lang="en-US" sz="900" kern="1200">
                <a:solidFill>
                  <a:srgbClr val="C800A1">
                    <a:lumMod val="75000"/>
                  </a:srgbClr>
                </a:solidFill>
                <a:latin typeface="Arial"/>
                <a:ea typeface="ＭＳ Ｐゴシック"/>
              </a:rPr>
              <a:t>ER/Studio</a:t>
            </a:r>
          </a:p>
        </p:txBody>
      </p:sp>
      <p:sp>
        <p:nvSpPr>
          <p:cNvPr id="118" name="Pentagon 12">
            <a:extLst>
              <a:ext uri="{FF2B5EF4-FFF2-40B4-BE49-F238E27FC236}">
                <a16:creationId xmlns:a16="http://schemas.microsoft.com/office/drawing/2014/main" id="{F8D4317F-A821-45CA-84C0-CD77F9BFD156}"/>
              </a:ext>
            </a:extLst>
          </p:cNvPr>
          <p:cNvSpPr/>
          <p:nvPr/>
        </p:nvSpPr>
        <p:spPr>
          <a:xfrm>
            <a:off x="1177861" y="1629799"/>
            <a:ext cx="1882442" cy="207684"/>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21" name="Pentagon 12">
            <a:extLst>
              <a:ext uri="{FF2B5EF4-FFF2-40B4-BE49-F238E27FC236}">
                <a16:creationId xmlns:a16="http://schemas.microsoft.com/office/drawing/2014/main" id="{98D86FF9-F7FE-42B0-B5A6-0EE80D55CAC4}"/>
              </a:ext>
            </a:extLst>
          </p:cNvPr>
          <p:cNvSpPr/>
          <p:nvPr/>
        </p:nvSpPr>
        <p:spPr>
          <a:xfrm>
            <a:off x="1549843"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22" name="Oval 121">
            <a:extLst>
              <a:ext uri="{FF2B5EF4-FFF2-40B4-BE49-F238E27FC236}">
                <a16:creationId xmlns:a16="http://schemas.microsoft.com/office/drawing/2014/main" id="{4D759E51-1F48-4C05-B5D8-8CED5FA0E4DD}"/>
              </a:ext>
            </a:extLst>
          </p:cNvPr>
          <p:cNvSpPr/>
          <p:nvPr/>
        </p:nvSpPr>
        <p:spPr bwMode="auto">
          <a:xfrm>
            <a:off x="2108670" y="2209564"/>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23" name="Rectangle: Rounded Corners 122">
            <a:extLst>
              <a:ext uri="{FF2B5EF4-FFF2-40B4-BE49-F238E27FC236}">
                <a16:creationId xmlns:a16="http://schemas.microsoft.com/office/drawing/2014/main" id="{D4D677B2-2CBE-4D39-9995-A9E888524472}"/>
              </a:ext>
            </a:extLst>
          </p:cNvPr>
          <p:cNvSpPr/>
          <p:nvPr/>
        </p:nvSpPr>
        <p:spPr bwMode="auto">
          <a:xfrm>
            <a:off x="2555937" y="2213045"/>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24" name="Oval 123">
            <a:extLst>
              <a:ext uri="{FF2B5EF4-FFF2-40B4-BE49-F238E27FC236}">
                <a16:creationId xmlns:a16="http://schemas.microsoft.com/office/drawing/2014/main" id="{42FD51E4-BDCA-4378-86D2-F53C42252217}"/>
              </a:ext>
            </a:extLst>
          </p:cNvPr>
          <p:cNvSpPr/>
          <p:nvPr/>
        </p:nvSpPr>
        <p:spPr bwMode="auto">
          <a:xfrm>
            <a:off x="5234445" y="2207289"/>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25" name="Oval 124">
            <a:extLst>
              <a:ext uri="{FF2B5EF4-FFF2-40B4-BE49-F238E27FC236}">
                <a16:creationId xmlns:a16="http://schemas.microsoft.com/office/drawing/2014/main" id="{C2962730-E4D5-4F7E-9B6C-A2C633632108}"/>
              </a:ext>
            </a:extLst>
          </p:cNvPr>
          <p:cNvSpPr/>
          <p:nvPr/>
        </p:nvSpPr>
        <p:spPr bwMode="auto">
          <a:xfrm>
            <a:off x="5955253" y="220728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26" name="Oval 125">
            <a:extLst>
              <a:ext uri="{FF2B5EF4-FFF2-40B4-BE49-F238E27FC236}">
                <a16:creationId xmlns:a16="http://schemas.microsoft.com/office/drawing/2014/main" id="{467B43A5-19E7-4482-AC07-23FDF9EE7F9F}"/>
              </a:ext>
            </a:extLst>
          </p:cNvPr>
          <p:cNvSpPr/>
          <p:nvPr/>
        </p:nvSpPr>
        <p:spPr bwMode="auto">
          <a:xfrm>
            <a:off x="2901818" y="2214168"/>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28" name="Rectangle 127">
            <a:extLst>
              <a:ext uri="{FF2B5EF4-FFF2-40B4-BE49-F238E27FC236}">
                <a16:creationId xmlns:a16="http://schemas.microsoft.com/office/drawing/2014/main" id="{A9E413A9-9902-4EB2-A80B-CBD4E5F568D6}"/>
              </a:ext>
            </a:extLst>
          </p:cNvPr>
          <p:cNvSpPr/>
          <p:nvPr/>
        </p:nvSpPr>
        <p:spPr>
          <a:xfrm>
            <a:off x="1453112" y="2348886"/>
            <a:ext cx="2688551" cy="234462"/>
          </a:xfrm>
          <a:prstGeom prst="rect">
            <a:avLst/>
          </a:prstGeom>
        </p:spPr>
        <p:txBody>
          <a:bodyPr wrap="square">
            <a:spAutoFit/>
          </a:bodyPr>
          <a:lstStyle/>
          <a:p>
            <a:pPr defTabSz="685766" fontAlgn="auto">
              <a:spcBef>
                <a:spcPts val="0"/>
              </a:spcBef>
              <a:spcAft>
                <a:spcPts val="0"/>
              </a:spcAft>
              <a:buClr>
                <a:srgbClr val="55555A"/>
              </a:buClr>
              <a:defRPr/>
            </a:pPr>
            <a:r>
              <a:rPr lang="en-US" sz="900" b="0" kern="1200">
                <a:solidFill>
                  <a:srgbClr val="00148C"/>
                </a:solidFill>
                <a:latin typeface="Arial"/>
                <a:ea typeface="ＭＳ Ｐゴシック"/>
              </a:rPr>
              <a:t>Enterprise Data Analytics Platform – </a:t>
            </a:r>
            <a:r>
              <a:rPr lang="en-US" sz="900" kern="1200">
                <a:solidFill>
                  <a:srgbClr val="C800A1">
                    <a:lumMod val="75000"/>
                  </a:srgbClr>
                </a:solidFill>
                <a:latin typeface="Arial"/>
                <a:ea typeface="ＭＳ Ｐゴシック"/>
              </a:rPr>
              <a:t>Snowflake</a:t>
            </a:r>
          </a:p>
        </p:txBody>
      </p:sp>
      <p:sp>
        <p:nvSpPr>
          <p:cNvPr id="129" name="Oval 128">
            <a:extLst>
              <a:ext uri="{FF2B5EF4-FFF2-40B4-BE49-F238E27FC236}">
                <a16:creationId xmlns:a16="http://schemas.microsoft.com/office/drawing/2014/main" id="{064317E9-FCA6-430B-B978-EE9E34F1F2B4}"/>
              </a:ext>
            </a:extLst>
          </p:cNvPr>
          <p:cNvSpPr/>
          <p:nvPr/>
        </p:nvSpPr>
        <p:spPr bwMode="auto">
          <a:xfrm>
            <a:off x="3907528" y="482514"/>
            <a:ext cx="130838" cy="123111"/>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30" name="TextBox 129">
            <a:extLst>
              <a:ext uri="{FF2B5EF4-FFF2-40B4-BE49-F238E27FC236}">
                <a16:creationId xmlns:a16="http://schemas.microsoft.com/office/drawing/2014/main" id="{8DCF4ADE-2C9F-4465-B7A9-9BC995F5FB93}"/>
              </a:ext>
            </a:extLst>
          </p:cNvPr>
          <p:cNvSpPr txBox="1"/>
          <p:nvPr/>
        </p:nvSpPr>
        <p:spPr bwMode="auto">
          <a:xfrm>
            <a:off x="4101320" y="487486"/>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r>
              <a:rPr lang="en-US"/>
              <a:t>ITGC Approved</a:t>
            </a:r>
          </a:p>
        </p:txBody>
      </p:sp>
      <p:sp>
        <p:nvSpPr>
          <p:cNvPr id="131" name="Rectangle 130">
            <a:extLst>
              <a:ext uri="{FF2B5EF4-FFF2-40B4-BE49-F238E27FC236}">
                <a16:creationId xmlns:a16="http://schemas.microsoft.com/office/drawing/2014/main" id="{95FB95DC-C79A-4318-AC5B-3EA8C351E762}"/>
              </a:ext>
            </a:extLst>
          </p:cNvPr>
          <p:cNvSpPr/>
          <p:nvPr/>
        </p:nvSpPr>
        <p:spPr>
          <a:xfrm>
            <a:off x="2743732" y="2884677"/>
            <a:ext cx="2893444" cy="230832"/>
          </a:xfrm>
          <a:prstGeom prst="rect">
            <a:avLst/>
          </a:prstGeom>
        </p:spPr>
        <p:txBody>
          <a:bodyPr wrap="square">
            <a:spAutoFit/>
          </a:bodyPr>
          <a:lstStyle/>
          <a:p>
            <a:pPr defTabSz="685766" fontAlgn="auto">
              <a:spcBef>
                <a:spcPts val="0"/>
              </a:spcBef>
              <a:spcAft>
                <a:spcPts val="0"/>
              </a:spcAft>
              <a:buClr>
                <a:srgbClr val="55555A"/>
              </a:buClr>
              <a:defRPr/>
            </a:pPr>
            <a:r>
              <a:rPr lang="en-US" sz="900" b="0" kern="1200">
                <a:solidFill>
                  <a:srgbClr val="00148C"/>
                </a:solidFill>
                <a:latin typeface="Arial"/>
                <a:ea typeface="ＭＳ Ｐゴシック"/>
              </a:rPr>
              <a:t>Master Data Management – </a:t>
            </a:r>
            <a:r>
              <a:rPr lang="en-US" sz="900" kern="1200">
                <a:solidFill>
                  <a:srgbClr val="C800A1">
                    <a:lumMod val="75000"/>
                  </a:srgbClr>
                </a:solidFill>
              </a:rPr>
              <a:t> Finalized end of Feb</a:t>
            </a:r>
            <a:r>
              <a:rPr lang="en-US" sz="900" b="0" kern="1200">
                <a:solidFill>
                  <a:srgbClr val="00148C"/>
                </a:solidFill>
                <a:latin typeface="Arial"/>
                <a:ea typeface="ＭＳ Ｐゴシック"/>
              </a:rPr>
              <a:t> </a:t>
            </a:r>
          </a:p>
        </p:txBody>
      </p:sp>
      <p:sp>
        <p:nvSpPr>
          <p:cNvPr id="133" name="Pentagon 12">
            <a:extLst>
              <a:ext uri="{FF2B5EF4-FFF2-40B4-BE49-F238E27FC236}">
                <a16:creationId xmlns:a16="http://schemas.microsoft.com/office/drawing/2014/main" id="{0E5438D7-92EE-4734-A822-5C1C9CC70CB3}"/>
              </a:ext>
            </a:extLst>
          </p:cNvPr>
          <p:cNvSpPr/>
          <p:nvPr/>
        </p:nvSpPr>
        <p:spPr>
          <a:xfrm>
            <a:off x="2822514" y="2697500"/>
            <a:ext cx="4617044" cy="207490"/>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34" name="Oval 133">
            <a:extLst>
              <a:ext uri="{FF2B5EF4-FFF2-40B4-BE49-F238E27FC236}">
                <a16:creationId xmlns:a16="http://schemas.microsoft.com/office/drawing/2014/main" id="{89E35DD5-149C-4900-971C-78C96EA4ED12}"/>
              </a:ext>
            </a:extLst>
          </p:cNvPr>
          <p:cNvSpPr/>
          <p:nvPr/>
        </p:nvSpPr>
        <p:spPr bwMode="auto">
          <a:xfrm>
            <a:off x="2973828" y="2735771"/>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35" name="Oval 134">
            <a:extLst>
              <a:ext uri="{FF2B5EF4-FFF2-40B4-BE49-F238E27FC236}">
                <a16:creationId xmlns:a16="http://schemas.microsoft.com/office/drawing/2014/main" id="{9966932F-4719-485F-8127-32B35ADD7C18}"/>
              </a:ext>
            </a:extLst>
          </p:cNvPr>
          <p:cNvSpPr/>
          <p:nvPr/>
        </p:nvSpPr>
        <p:spPr bwMode="auto">
          <a:xfrm>
            <a:off x="6076909" y="2752551"/>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37" name="Rectangle: Rounded Corners 136">
            <a:extLst>
              <a:ext uri="{FF2B5EF4-FFF2-40B4-BE49-F238E27FC236}">
                <a16:creationId xmlns:a16="http://schemas.microsoft.com/office/drawing/2014/main" id="{077CF3E7-E9C9-48FA-B89F-0C52F2AFBF29}"/>
              </a:ext>
            </a:extLst>
          </p:cNvPr>
          <p:cNvSpPr/>
          <p:nvPr/>
        </p:nvSpPr>
        <p:spPr bwMode="auto">
          <a:xfrm>
            <a:off x="5231612" y="2740942"/>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38" name="Oval 137">
            <a:extLst>
              <a:ext uri="{FF2B5EF4-FFF2-40B4-BE49-F238E27FC236}">
                <a16:creationId xmlns:a16="http://schemas.microsoft.com/office/drawing/2014/main" id="{8593D682-B8DA-42B0-AE98-636EFBFE2E20}"/>
              </a:ext>
            </a:extLst>
          </p:cNvPr>
          <p:cNvSpPr/>
          <p:nvPr/>
        </p:nvSpPr>
        <p:spPr bwMode="auto">
          <a:xfrm>
            <a:off x="6607806" y="2753516"/>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39" name="Oval 138">
            <a:extLst>
              <a:ext uri="{FF2B5EF4-FFF2-40B4-BE49-F238E27FC236}">
                <a16:creationId xmlns:a16="http://schemas.microsoft.com/office/drawing/2014/main" id="{1909513F-05A6-46AC-9338-48DF3740BDD4}"/>
              </a:ext>
            </a:extLst>
          </p:cNvPr>
          <p:cNvSpPr/>
          <p:nvPr/>
        </p:nvSpPr>
        <p:spPr bwMode="auto">
          <a:xfrm>
            <a:off x="4197663" y="2752205"/>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40" name="Rectangle 139">
            <a:extLst>
              <a:ext uri="{FF2B5EF4-FFF2-40B4-BE49-F238E27FC236}">
                <a16:creationId xmlns:a16="http://schemas.microsoft.com/office/drawing/2014/main" id="{258E48F5-CA7A-43B9-ACF9-6D5A50CF9022}"/>
              </a:ext>
            </a:extLst>
          </p:cNvPr>
          <p:cNvSpPr/>
          <p:nvPr/>
        </p:nvSpPr>
        <p:spPr>
          <a:xfrm>
            <a:off x="1804022" y="3403531"/>
            <a:ext cx="4041234" cy="230832"/>
          </a:xfrm>
          <a:prstGeom prst="rect">
            <a:avLst/>
          </a:prstGeom>
        </p:spPr>
        <p:txBody>
          <a:bodyPr wrap="square">
            <a:spAutoFit/>
          </a:bodyPr>
          <a:lstStyle/>
          <a:p>
            <a:pPr defTabSz="685766" fontAlgn="auto">
              <a:spcBef>
                <a:spcPts val="0"/>
              </a:spcBef>
              <a:spcAft>
                <a:spcPts val="0"/>
              </a:spcAft>
              <a:buClr>
                <a:srgbClr val="55555A"/>
              </a:buClr>
              <a:defRPr/>
            </a:pPr>
            <a:r>
              <a:rPr lang="en-US" sz="900" b="0" kern="1200">
                <a:solidFill>
                  <a:srgbClr val="00148C"/>
                </a:solidFill>
                <a:latin typeface="Arial"/>
                <a:ea typeface="ＭＳ Ｐゴシック"/>
              </a:rPr>
              <a:t>Data Quality, Data Catalog, Data Governance - </a:t>
            </a:r>
            <a:r>
              <a:rPr lang="en-US" sz="900" kern="1200">
                <a:solidFill>
                  <a:srgbClr val="C800A1">
                    <a:lumMod val="75000"/>
                  </a:srgbClr>
                </a:solidFill>
                <a:latin typeface="Arial"/>
                <a:ea typeface="ＭＳ Ｐゴシック"/>
              </a:rPr>
              <a:t>Informatica</a:t>
            </a:r>
          </a:p>
        </p:txBody>
      </p:sp>
      <p:sp>
        <p:nvSpPr>
          <p:cNvPr id="141" name="Rectangle 140">
            <a:extLst>
              <a:ext uri="{FF2B5EF4-FFF2-40B4-BE49-F238E27FC236}">
                <a16:creationId xmlns:a16="http://schemas.microsoft.com/office/drawing/2014/main" id="{F6E9D527-0901-4E1D-8B24-578F3DF7CE27}"/>
              </a:ext>
            </a:extLst>
          </p:cNvPr>
          <p:cNvSpPr/>
          <p:nvPr/>
        </p:nvSpPr>
        <p:spPr>
          <a:xfrm>
            <a:off x="3214575" y="3926610"/>
            <a:ext cx="3172663" cy="230832"/>
          </a:xfrm>
          <a:prstGeom prst="rect">
            <a:avLst/>
          </a:prstGeom>
        </p:spPr>
        <p:txBody>
          <a:bodyPr wrap="none">
            <a:spAutoFit/>
          </a:bodyPr>
          <a:lstStyle/>
          <a:p>
            <a:pPr defTabSz="685766" fontAlgn="auto">
              <a:spcBef>
                <a:spcPts val="0"/>
              </a:spcBef>
              <a:spcAft>
                <a:spcPts val="0"/>
              </a:spcAft>
              <a:buClr>
                <a:srgbClr val="55555A"/>
              </a:buClr>
              <a:defRPr/>
            </a:pPr>
            <a:r>
              <a:rPr lang="en-US" sz="900" b="0" kern="1200">
                <a:solidFill>
                  <a:srgbClr val="00148C"/>
                </a:solidFill>
                <a:latin typeface="Arial"/>
                <a:ea typeface="ＭＳ Ｐゴシック"/>
              </a:rPr>
              <a:t>Data Integration &amp; Orchestration – </a:t>
            </a:r>
            <a:r>
              <a:rPr lang="en-US" sz="900" kern="1200">
                <a:solidFill>
                  <a:srgbClr val="C800A1">
                    <a:lumMod val="75000"/>
                  </a:srgbClr>
                </a:solidFill>
                <a:latin typeface="Arial"/>
                <a:ea typeface="ＭＳ Ｐゴシック"/>
              </a:rPr>
              <a:t>Matillion</a:t>
            </a:r>
            <a:r>
              <a:rPr lang="en-US" sz="900" b="0" kern="1200">
                <a:solidFill>
                  <a:srgbClr val="00148C"/>
                </a:solidFill>
                <a:latin typeface="Arial"/>
                <a:ea typeface="ＭＳ Ｐゴシック"/>
              </a:rPr>
              <a:t> in final vetting</a:t>
            </a:r>
          </a:p>
        </p:txBody>
      </p:sp>
      <p:sp>
        <p:nvSpPr>
          <p:cNvPr id="142" name="Rectangle 141">
            <a:extLst>
              <a:ext uri="{FF2B5EF4-FFF2-40B4-BE49-F238E27FC236}">
                <a16:creationId xmlns:a16="http://schemas.microsoft.com/office/drawing/2014/main" id="{35CC8503-7F07-4F83-8D21-0494B6618419}"/>
              </a:ext>
            </a:extLst>
          </p:cNvPr>
          <p:cNvSpPr/>
          <p:nvPr/>
        </p:nvSpPr>
        <p:spPr>
          <a:xfrm>
            <a:off x="3209065" y="4430241"/>
            <a:ext cx="3198311" cy="253916"/>
          </a:xfrm>
          <a:prstGeom prst="rect">
            <a:avLst/>
          </a:prstGeom>
        </p:spPr>
        <p:txBody>
          <a:bodyPr wrap="none">
            <a:spAutoFit/>
          </a:bodyPr>
          <a:lstStyle/>
          <a:p>
            <a:pPr defTabSz="685766" fontAlgn="auto">
              <a:spcBef>
                <a:spcPts val="0"/>
              </a:spcBef>
              <a:spcAft>
                <a:spcPts val="0"/>
              </a:spcAft>
              <a:buClr>
                <a:srgbClr val="55555A"/>
              </a:buClr>
              <a:defRPr/>
            </a:pPr>
            <a:r>
              <a:rPr lang="en-US" sz="1050" b="0" kern="1200">
                <a:solidFill>
                  <a:srgbClr val="00148C"/>
                </a:solidFill>
                <a:latin typeface="Arial"/>
                <a:ea typeface="ＭＳ Ｐゴシック"/>
              </a:rPr>
              <a:t>Advanced Analytics, Machine Learning &amp; AI - </a:t>
            </a:r>
            <a:r>
              <a:rPr lang="en-US" sz="1050" kern="1200">
                <a:solidFill>
                  <a:srgbClr val="C800A1">
                    <a:lumMod val="75000"/>
                  </a:srgbClr>
                </a:solidFill>
                <a:latin typeface="Arial"/>
                <a:ea typeface="ＭＳ Ｐゴシック"/>
              </a:rPr>
              <a:t>TBD</a:t>
            </a:r>
          </a:p>
        </p:txBody>
      </p:sp>
      <p:sp>
        <p:nvSpPr>
          <p:cNvPr id="144" name="Pentagon 12">
            <a:extLst>
              <a:ext uri="{FF2B5EF4-FFF2-40B4-BE49-F238E27FC236}">
                <a16:creationId xmlns:a16="http://schemas.microsoft.com/office/drawing/2014/main" id="{6C0C77C7-95F4-470B-8F57-BDF6E99E5B65}"/>
              </a:ext>
            </a:extLst>
          </p:cNvPr>
          <p:cNvSpPr/>
          <p:nvPr/>
        </p:nvSpPr>
        <p:spPr>
          <a:xfrm>
            <a:off x="1888436" y="3210983"/>
            <a:ext cx="5053056" cy="223156"/>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45" name="Rectangle: Rounded Corners 144">
            <a:extLst>
              <a:ext uri="{FF2B5EF4-FFF2-40B4-BE49-F238E27FC236}">
                <a16:creationId xmlns:a16="http://schemas.microsoft.com/office/drawing/2014/main" id="{5F2C3E65-0357-4596-81C3-B8C7A88FE066}"/>
              </a:ext>
            </a:extLst>
          </p:cNvPr>
          <p:cNvSpPr/>
          <p:nvPr/>
        </p:nvSpPr>
        <p:spPr bwMode="auto">
          <a:xfrm>
            <a:off x="3441576" y="3271939"/>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46" name="Oval 145">
            <a:extLst>
              <a:ext uri="{FF2B5EF4-FFF2-40B4-BE49-F238E27FC236}">
                <a16:creationId xmlns:a16="http://schemas.microsoft.com/office/drawing/2014/main" id="{BDFF7171-33E3-406E-9647-37D56FBA81BA}"/>
              </a:ext>
            </a:extLst>
          </p:cNvPr>
          <p:cNvSpPr/>
          <p:nvPr/>
        </p:nvSpPr>
        <p:spPr bwMode="auto">
          <a:xfrm>
            <a:off x="4914300" y="3273927"/>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47" name="Oval 146">
            <a:extLst>
              <a:ext uri="{FF2B5EF4-FFF2-40B4-BE49-F238E27FC236}">
                <a16:creationId xmlns:a16="http://schemas.microsoft.com/office/drawing/2014/main" id="{4031896C-7A15-4C0B-8425-39CF048667ED}"/>
              </a:ext>
            </a:extLst>
          </p:cNvPr>
          <p:cNvSpPr/>
          <p:nvPr/>
        </p:nvSpPr>
        <p:spPr bwMode="auto">
          <a:xfrm>
            <a:off x="6376449" y="3275346"/>
            <a:ext cx="102870"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49" name="Pentagon 12">
            <a:extLst>
              <a:ext uri="{FF2B5EF4-FFF2-40B4-BE49-F238E27FC236}">
                <a16:creationId xmlns:a16="http://schemas.microsoft.com/office/drawing/2014/main" id="{54E97E99-4815-4869-8934-1874BF0F03C1}"/>
              </a:ext>
            </a:extLst>
          </p:cNvPr>
          <p:cNvSpPr/>
          <p:nvPr/>
        </p:nvSpPr>
        <p:spPr>
          <a:xfrm>
            <a:off x="3304593" y="3744250"/>
            <a:ext cx="3177394" cy="207527"/>
          </a:xfrm>
          <a:prstGeom prst="homePlate">
            <a:avLst>
              <a:gd name="adj" fmla="val 50000"/>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50" name="Oval 149">
            <a:extLst>
              <a:ext uri="{FF2B5EF4-FFF2-40B4-BE49-F238E27FC236}">
                <a16:creationId xmlns:a16="http://schemas.microsoft.com/office/drawing/2014/main" id="{00E97360-99FA-4CF3-A19E-32F623704C07}"/>
              </a:ext>
            </a:extLst>
          </p:cNvPr>
          <p:cNvSpPr/>
          <p:nvPr/>
        </p:nvSpPr>
        <p:spPr bwMode="auto">
          <a:xfrm>
            <a:off x="3355902" y="3794571"/>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51" name="Rectangle: Rounded Corners 150">
            <a:extLst>
              <a:ext uri="{FF2B5EF4-FFF2-40B4-BE49-F238E27FC236}">
                <a16:creationId xmlns:a16="http://schemas.microsoft.com/office/drawing/2014/main" id="{E77733FA-B4C7-4E85-8FFC-1ABC0A77E4DD}"/>
              </a:ext>
            </a:extLst>
          </p:cNvPr>
          <p:cNvSpPr/>
          <p:nvPr/>
        </p:nvSpPr>
        <p:spPr bwMode="auto">
          <a:xfrm>
            <a:off x="4235952" y="379457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52" name="Oval 151">
            <a:extLst>
              <a:ext uri="{FF2B5EF4-FFF2-40B4-BE49-F238E27FC236}">
                <a16:creationId xmlns:a16="http://schemas.microsoft.com/office/drawing/2014/main" id="{9D8F0200-9641-41D5-A209-8BFB3933677F}"/>
              </a:ext>
            </a:extLst>
          </p:cNvPr>
          <p:cNvSpPr/>
          <p:nvPr/>
        </p:nvSpPr>
        <p:spPr bwMode="auto">
          <a:xfrm>
            <a:off x="5413338" y="3797021"/>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54" name="Pentagon 12">
            <a:extLst>
              <a:ext uri="{FF2B5EF4-FFF2-40B4-BE49-F238E27FC236}">
                <a16:creationId xmlns:a16="http://schemas.microsoft.com/office/drawing/2014/main" id="{7A708E11-3FAE-4947-8BC6-D2BFF336E8F9}"/>
              </a:ext>
            </a:extLst>
          </p:cNvPr>
          <p:cNvSpPr/>
          <p:nvPr/>
        </p:nvSpPr>
        <p:spPr>
          <a:xfrm>
            <a:off x="3304593" y="4277123"/>
            <a:ext cx="5228588" cy="198234"/>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a:p>
            <a:pPr defTabSz="914355">
              <a:lnSpc>
                <a:spcPts val="600"/>
              </a:lnSpc>
              <a:spcAft>
                <a:spcPts val="0"/>
              </a:spcAft>
              <a:buClr>
                <a:srgbClr val="55555A"/>
              </a:buClr>
              <a:defRPr/>
            </a:pPr>
            <a:endParaRPr lang="en-US" sz="500" b="0">
              <a:solidFill>
                <a:srgbClr val="FFFFFF"/>
              </a:solidFill>
              <a:latin typeface="Arial"/>
              <a:ea typeface="ＭＳ Ｐゴシック"/>
              <a:cs typeface="Arial"/>
            </a:endParaRPr>
          </a:p>
        </p:txBody>
      </p:sp>
      <p:sp>
        <p:nvSpPr>
          <p:cNvPr id="155" name="Rectangle: Rounded Corners 154">
            <a:extLst>
              <a:ext uri="{FF2B5EF4-FFF2-40B4-BE49-F238E27FC236}">
                <a16:creationId xmlns:a16="http://schemas.microsoft.com/office/drawing/2014/main" id="{C05E7508-5569-41E6-8EE4-9382B335A0F5}"/>
              </a:ext>
            </a:extLst>
          </p:cNvPr>
          <p:cNvSpPr/>
          <p:nvPr/>
        </p:nvSpPr>
        <p:spPr bwMode="auto">
          <a:xfrm>
            <a:off x="6659241" y="432016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56" name="Oval 155">
            <a:extLst>
              <a:ext uri="{FF2B5EF4-FFF2-40B4-BE49-F238E27FC236}">
                <a16:creationId xmlns:a16="http://schemas.microsoft.com/office/drawing/2014/main" id="{B3F08DDA-230C-41FA-B2A8-97EC5295B038}"/>
              </a:ext>
            </a:extLst>
          </p:cNvPr>
          <p:cNvSpPr/>
          <p:nvPr/>
        </p:nvSpPr>
        <p:spPr bwMode="auto">
          <a:xfrm>
            <a:off x="3355902" y="4329238"/>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defRPr/>
            </a:pPr>
            <a:r>
              <a:rPr lang="en-US" sz="675" b="0" kern="1200">
                <a:solidFill>
                  <a:srgbClr val="FFFFFF"/>
                </a:solidFill>
                <a:latin typeface="Arial"/>
                <a:ea typeface="ＭＳ Ｐゴシック"/>
                <a:cs typeface="Arial"/>
              </a:rPr>
              <a:t> </a:t>
            </a:r>
          </a:p>
        </p:txBody>
      </p:sp>
      <p:sp>
        <p:nvSpPr>
          <p:cNvPr id="157" name="Oval 156">
            <a:extLst>
              <a:ext uri="{FF2B5EF4-FFF2-40B4-BE49-F238E27FC236}">
                <a16:creationId xmlns:a16="http://schemas.microsoft.com/office/drawing/2014/main" id="{D8F1962A-E25E-4BA3-BCE1-400E91F724A7}"/>
              </a:ext>
            </a:extLst>
          </p:cNvPr>
          <p:cNvSpPr/>
          <p:nvPr/>
        </p:nvSpPr>
        <p:spPr bwMode="auto">
          <a:xfrm>
            <a:off x="7570774" y="4325292"/>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59" name="Oval 158">
            <a:extLst>
              <a:ext uri="{FF2B5EF4-FFF2-40B4-BE49-F238E27FC236}">
                <a16:creationId xmlns:a16="http://schemas.microsoft.com/office/drawing/2014/main" id="{B33EA084-DB45-40A8-9465-A14A146A077C}"/>
              </a:ext>
            </a:extLst>
          </p:cNvPr>
          <p:cNvSpPr/>
          <p:nvPr/>
        </p:nvSpPr>
        <p:spPr bwMode="auto">
          <a:xfrm>
            <a:off x="2796567" y="168293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endParaRPr lang="en-US" sz="525" b="0" kern="1200">
              <a:solidFill>
                <a:srgbClr val="FFFFFF"/>
              </a:solidFill>
              <a:latin typeface="Arial"/>
              <a:ea typeface="ＭＳ Ｐゴシック"/>
              <a:cs typeface="Arial"/>
            </a:endParaRPr>
          </a:p>
        </p:txBody>
      </p:sp>
      <p:sp>
        <p:nvSpPr>
          <p:cNvPr id="160" name="Oval 159">
            <a:extLst>
              <a:ext uri="{FF2B5EF4-FFF2-40B4-BE49-F238E27FC236}">
                <a16:creationId xmlns:a16="http://schemas.microsoft.com/office/drawing/2014/main" id="{E2085BA3-B1FD-4496-BFD8-5E957C47CAFF}"/>
              </a:ext>
            </a:extLst>
          </p:cNvPr>
          <p:cNvSpPr/>
          <p:nvPr/>
        </p:nvSpPr>
        <p:spPr bwMode="auto">
          <a:xfrm>
            <a:off x="2037209" y="1680158"/>
            <a:ext cx="105251"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endParaRPr lang="en-US" sz="675" b="0" kern="1200">
              <a:solidFill>
                <a:srgbClr val="FFFFFF"/>
              </a:solidFill>
              <a:latin typeface="Arial"/>
              <a:ea typeface="ＭＳ Ｐゴシック"/>
              <a:cs typeface="Arial"/>
            </a:endParaRPr>
          </a:p>
        </p:txBody>
      </p:sp>
      <p:sp>
        <p:nvSpPr>
          <p:cNvPr id="161" name="Oval 160">
            <a:extLst>
              <a:ext uri="{FF2B5EF4-FFF2-40B4-BE49-F238E27FC236}">
                <a16:creationId xmlns:a16="http://schemas.microsoft.com/office/drawing/2014/main" id="{2A17BC4C-A483-47E4-9073-A0CF7CC5BE7B}"/>
              </a:ext>
            </a:extLst>
          </p:cNvPr>
          <p:cNvSpPr/>
          <p:nvPr/>
        </p:nvSpPr>
        <p:spPr bwMode="auto">
          <a:xfrm>
            <a:off x="7024051" y="48219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endParaRPr lang="en-US" sz="525" b="0" kern="1200">
              <a:solidFill>
                <a:srgbClr val="FFFFFF"/>
              </a:solidFill>
              <a:latin typeface="Arial"/>
              <a:ea typeface="ＭＳ Ｐゴシック"/>
              <a:cs typeface="Arial"/>
            </a:endParaRPr>
          </a:p>
        </p:txBody>
      </p:sp>
      <p:sp>
        <p:nvSpPr>
          <p:cNvPr id="162" name="Oval 161">
            <a:extLst>
              <a:ext uri="{FF2B5EF4-FFF2-40B4-BE49-F238E27FC236}">
                <a16:creationId xmlns:a16="http://schemas.microsoft.com/office/drawing/2014/main" id="{09866D40-368C-4D06-8C26-6D0B06B819C7}"/>
              </a:ext>
            </a:extLst>
          </p:cNvPr>
          <p:cNvSpPr/>
          <p:nvPr/>
        </p:nvSpPr>
        <p:spPr bwMode="auto">
          <a:xfrm>
            <a:off x="6136530" y="492388"/>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
        <p:nvSpPr>
          <p:cNvPr id="163" name="Rectangle: Rounded Corners 162">
            <a:extLst>
              <a:ext uri="{FF2B5EF4-FFF2-40B4-BE49-F238E27FC236}">
                <a16:creationId xmlns:a16="http://schemas.microsoft.com/office/drawing/2014/main" id="{A93C8E0F-7C89-4B7F-99FC-2B563AF7DB3F}"/>
              </a:ext>
            </a:extLst>
          </p:cNvPr>
          <p:cNvSpPr/>
          <p:nvPr/>
        </p:nvSpPr>
        <p:spPr bwMode="auto">
          <a:xfrm>
            <a:off x="1880563" y="168205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800" fontAlgn="auto">
              <a:spcBef>
                <a:spcPts val="0"/>
              </a:spcBef>
              <a:spcAft>
                <a:spcPts val="0"/>
              </a:spcAft>
              <a:buClrTx/>
              <a:defRPr/>
            </a:pPr>
            <a:r>
              <a:rPr lang="en-US" sz="675" b="0" kern="1200">
                <a:solidFill>
                  <a:srgbClr val="FFFFFF"/>
                </a:solidFill>
                <a:latin typeface="Arial"/>
                <a:ea typeface="ＭＳ Ｐゴシック"/>
                <a:cs typeface="Arial"/>
              </a:rPr>
              <a:t> </a:t>
            </a:r>
          </a:p>
        </p:txBody>
      </p:sp>
      <p:sp>
        <p:nvSpPr>
          <p:cNvPr id="143" name="Oval 142">
            <a:extLst>
              <a:ext uri="{FF2B5EF4-FFF2-40B4-BE49-F238E27FC236}">
                <a16:creationId xmlns:a16="http://schemas.microsoft.com/office/drawing/2014/main" id="{E16F11E8-C662-45DF-9444-25A7BAED2044}"/>
              </a:ext>
            </a:extLst>
          </p:cNvPr>
          <p:cNvSpPr/>
          <p:nvPr/>
        </p:nvSpPr>
        <p:spPr bwMode="auto">
          <a:xfrm>
            <a:off x="5979705" y="327193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800" fontAlgn="auto">
              <a:spcBef>
                <a:spcPts val="0"/>
              </a:spcBef>
              <a:spcAft>
                <a:spcPts val="450"/>
              </a:spcAft>
              <a:buClrTx/>
            </a:pPr>
            <a:r>
              <a:rPr lang="en-US" sz="525" b="0" kern="1200">
                <a:solidFill>
                  <a:srgbClr val="FFFFFF"/>
                </a:solidFill>
                <a:latin typeface="Arial"/>
                <a:ea typeface="ＭＳ Ｐゴシック"/>
                <a:cs typeface="Arial"/>
              </a:rPr>
              <a:t> </a:t>
            </a:r>
          </a:p>
        </p:txBody>
      </p:sp>
    </p:spTree>
    <p:extLst>
      <p:ext uri="{BB962C8B-B14F-4D97-AF65-F5344CB8AC3E}">
        <p14:creationId xmlns:p14="http://schemas.microsoft.com/office/powerpoint/2010/main" val="12913205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577145" cy="376946"/>
          </a:xfrm>
        </p:spPr>
        <p:txBody>
          <a:bodyPr/>
          <a:lstStyle/>
          <a:p>
            <a:r>
              <a:rPr lang="en-GB" dirty="0"/>
              <a:t>Master Data Management Proposed Roadmap (Draft)</a:t>
            </a:r>
          </a:p>
        </p:txBody>
      </p:sp>
      <p:sp>
        <p:nvSpPr>
          <p:cNvPr id="19" name="Rectangle 18">
            <a:extLst>
              <a:ext uri="{FF2B5EF4-FFF2-40B4-BE49-F238E27FC236}">
                <a16:creationId xmlns:a16="http://schemas.microsoft.com/office/drawing/2014/main" id="{F0B0AF0B-39E4-46BB-A0A3-809CF4802922}"/>
              </a:ext>
            </a:extLst>
          </p:cNvPr>
          <p:cNvSpPr/>
          <p:nvPr/>
        </p:nvSpPr>
        <p:spPr>
          <a:xfrm>
            <a:off x="1748103" y="807350"/>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46" name="TextBox 45">
            <a:extLst>
              <a:ext uri="{FF2B5EF4-FFF2-40B4-BE49-F238E27FC236}">
                <a16:creationId xmlns:a16="http://schemas.microsoft.com/office/drawing/2014/main" id="{AC3AA00A-F6D8-40E6-9889-6F153580B68F}"/>
              </a:ext>
            </a:extLst>
          </p:cNvPr>
          <p:cNvSpPr txBox="1"/>
          <p:nvPr/>
        </p:nvSpPr>
        <p:spPr bwMode="auto">
          <a:xfrm flipH="1">
            <a:off x="838824" y="588132"/>
            <a:ext cx="227286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a:solidFill>
                  <a:srgbClr val="FFFFFF"/>
                </a:solidFill>
                <a:latin typeface="Arial"/>
                <a:ea typeface="ＭＳ Ｐゴシック"/>
              </a:rPr>
              <a:t>2020</a:t>
            </a:r>
          </a:p>
        </p:txBody>
      </p:sp>
      <p:sp>
        <p:nvSpPr>
          <p:cNvPr id="50" name="Rectangle 49">
            <a:extLst>
              <a:ext uri="{FF2B5EF4-FFF2-40B4-BE49-F238E27FC236}">
                <a16:creationId xmlns:a16="http://schemas.microsoft.com/office/drawing/2014/main" id="{52B6CE55-4084-4F38-9625-0DA0C2B6BCD7}"/>
              </a:ext>
            </a:extLst>
          </p:cNvPr>
          <p:cNvSpPr/>
          <p:nvPr/>
        </p:nvSpPr>
        <p:spPr>
          <a:xfrm>
            <a:off x="2205013" y="807350"/>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61" name="Rectangle 60">
            <a:extLst>
              <a:ext uri="{FF2B5EF4-FFF2-40B4-BE49-F238E27FC236}">
                <a16:creationId xmlns:a16="http://schemas.microsoft.com/office/drawing/2014/main" id="{C13E9D7B-3BA9-4300-AA1D-D9AA5C2A32BB}"/>
              </a:ext>
            </a:extLst>
          </p:cNvPr>
          <p:cNvSpPr/>
          <p:nvPr/>
        </p:nvSpPr>
        <p:spPr>
          <a:xfrm>
            <a:off x="2663460" y="807350"/>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Dec</a:t>
            </a:r>
          </a:p>
        </p:txBody>
      </p:sp>
      <p:sp>
        <p:nvSpPr>
          <p:cNvPr id="64" name="Rectangle 63">
            <a:extLst>
              <a:ext uri="{FF2B5EF4-FFF2-40B4-BE49-F238E27FC236}">
                <a16:creationId xmlns:a16="http://schemas.microsoft.com/office/drawing/2014/main" id="{2D1BA13E-A354-4B38-A999-A785D8966392}"/>
              </a:ext>
            </a:extLst>
          </p:cNvPr>
          <p:cNvSpPr/>
          <p:nvPr/>
        </p:nvSpPr>
        <p:spPr>
          <a:xfrm>
            <a:off x="312654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65" name="Rectangle 64">
            <a:extLst>
              <a:ext uri="{FF2B5EF4-FFF2-40B4-BE49-F238E27FC236}">
                <a16:creationId xmlns:a16="http://schemas.microsoft.com/office/drawing/2014/main" id="{44EA30E4-244E-4F82-9D7D-21905BD4BA11}"/>
              </a:ext>
            </a:extLst>
          </p:cNvPr>
          <p:cNvSpPr/>
          <p:nvPr/>
        </p:nvSpPr>
        <p:spPr>
          <a:xfrm>
            <a:off x="353024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66" name="Rectangle 65">
            <a:extLst>
              <a:ext uri="{FF2B5EF4-FFF2-40B4-BE49-F238E27FC236}">
                <a16:creationId xmlns:a16="http://schemas.microsoft.com/office/drawing/2014/main" id="{A12C81B1-BE83-48E0-82F6-ED0EDEB9568A}"/>
              </a:ext>
            </a:extLst>
          </p:cNvPr>
          <p:cNvSpPr/>
          <p:nvPr/>
        </p:nvSpPr>
        <p:spPr>
          <a:xfrm>
            <a:off x="3933363" y="799082"/>
            <a:ext cx="393802" cy="140078"/>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5144868"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4740761"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3142808" y="591798"/>
            <a:ext cx="511990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55">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4337061" y="799082"/>
            <a:ext cx="393802" cy="140078"/>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131" name="Rectangle 130">
            <a:extLst>
              <a:ext uri="{FF2B5EF4-FFF2-40B4-BE49-F238E27FC236}">
                <a16:creationId xmlns:a16="http://schemas.microsoft.com/office/drawing/2014/main" id="{FB15431B-8EB7-423D-A2FF-DC5F2D408A92}"/>
              </a:ext>
            </a:extLst>
          </p:cNvPr>
          <p:cNvSpPr/>
          <p:nvPr/>
        </p:nvSpPr>
        <p:spPr>
          <a:xfrm>
            <a:off x="831143" y="807350"/>
            <a:ext cx="448228" cy="132169"/>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Aug</a:t>
            </a:r>
          </a:p>
        </p:txBody>
      </p:sp>
      <p:sp>
        <p:nvSpPr>
          <p:cNvPr id="132" name="Rectangle 131">
            <a:extLst>
              <a:ext uri="{FF2B5EF4-FFF2-40B4-BE49-F238E27FC236}">
                <a16:creationId xmlns:a16="http://schemas.microsoft.com/office/drawing/2014/main" id="{895CCC30-7D40-448E-9D1F-32B46D9F3AB2}"/>
              </a:ext>
            </a:extLst>
          </p:cNvPr>
          <p:cNvSpPr/>
          <p:nvPr/>
        </p:nvSpPr>
        <p:spPr>
          <a:xfrm>
            <a:off x="1286184" y="807350"/>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1" name="Rectangle 80">
            <a:extLst>
              <a:ext uri="{FF2B5EF4-FFF2-40B4-BE49-F238E27FC236}">
                <a16:creationId xmlns:a16="http://schemas.microsoft.com/office/drawing/2014/main" id="{8F7C78EF-3C75-4163-A598-3EFE46A4496D}"/>
              </a:ext>
            </a:extLst>
          </p:cNvPr>
          <p:cNvSpPr/>
          <p:nvPr/>
        </p:nvSpPr>
        <p:spPr>
          <a:xfrm>
            <a:off x="6919183" y="80649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6002223"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6457264"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5548811"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992693"/>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4" y="1719572"/>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4" y="1001125"/>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4" y="1719572"/>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31114" y="1244882"/>
            <a:ext cx="4472647" cy="15786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833802" y="1961691"/>
            <a:ext cx="4245063" cy="128414"/>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42711" y="1190230"/>
            <a:ext cx="793039" cy="267870"/>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MDM Tool</a:t>
            </a:r>
            <a:endParaRPr lang="en-US" sz="825" b="1" dirty="0">
              <a:solidFill>
                <a:schemeClr val="lt1"/>
              </a:solidFill>
              <a:latin typeface="Calibri" panose="020F0502020204030204" pitchFamily="34" charset="0"/>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4" y="1878757"/>
            <a:ext cx="793039" cy="323793"/>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Customer</a:t>
            </a:r>
          </a:p>
          <a:p>
            <a:pPr algn="ctr"/>
            <a:r>
              <a:rPr lang="en-US" sz="825" b="1" dirty="0">
                <a:solidFill>
                  <a:schemeClr val="lt1"/>
                </a:solidFill>
                <a:latin typeface="Calibri" panose="020F0502020204030204" pitchFamily="34" charset="0"/>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4204" y="309236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4204" y="309691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FF"/>
              </a:highlight>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4204" y="3266702"/>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Global Workforce</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87" name="Rectangle 86">
            <a:extLst>
              <a:ext uri="{FF2B5EF4-FFF2-40B4-BE49-F238E27FC236}">
                <a16:creationId xmlns:a16="http://schemas.microsoft.com/office/drawing/2014/main" id="{D171760A-447B-483E-87A3-5A7511C18F93}"/>
              </a:ext>
            </a:extLst>
          </p:cNvPr>
          <p:cNvSpPr/>
          <p:nvPr/>
        </p:nvSpPr>
        <p:spPr>
          <a:xfrm>
            <a:off x="7830259" y="80521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7376024"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89" name="OTLSHAPE_SLM_0aec949068fc4edb9016a17022f2fa0f_Shape">
            <a:extLst>
              <a:ext uri="{FF2B5EF4-FFF2-40B4-BE49-F238E27FC236}">
                <a16:creationId xmlns:a16="http://schemas.microsoft.com/office/drawing/2014/main" id="{79A6EE8A-D31E-4DE6-AECF-D44C327CA0E1}"/>
              </a:ext>
            </a:extLst>
          </p:cNvPr>
          <p:cNvSpPr/>
          <p:nvPr>
            <p:custDataLst>
              <p:tags r:id="rId12"/>
            </p:custDataLst>
          </p:nvPr>
        </p:nvSpPr>
        <p:spPr>
          <a:xfrm>
            <a:off x="1407015" y="126793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0" name="OTLSHAPE_SLM_0aec949068fc4edb9016a17022f2fa0f_Title">
            <a:extLst>
              <a:ext uri="{FF2B5EF4-FFF2-40B4-BE49-F238E27FC236}">
                <a16:creationId xmlns:a16="http://schemas.microsoft.com/office/drawing/2014/main" id="{A7D588A3-440C-4D62-850A-5B114478EF66}"/>
              </a:ext>
            </a:extLst>
          </p:cNvPr>
          <p:cNvSpPr txBox="1"/>
          <p:nvPr>
            <p:custDataLst>
              <p:tags r:id="rId13"/>
            </p:custDataLst>
          </p:nvPr>
        </p:nvSpPr>
        <p:spPr>
          <a:xfrm>
            <a:off x="1026512" y="1409369"/>
            <a:ext cx="82808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US Cust </a:t>
            </a:r>
          </a:p>
          <a:p>
            <a:pPr algn="ctr">
              <a:spcAft>
                <a:spcPts val="0"/>
              </a:spcAft>
            </a:pPr>
            <a:r>
              <a:rPr lang="en-US" sz="825" spc="-2" dirty="0">
                <a:solidFill>
                  <a:schemeClr val="dk1"/>
                </a:solidFill>
                <a:latin typeface="Calibri" panose="020F0502020204030204" pitchFamily="34" charset="0"/>
              </a:rPr>
              <a:t>&amp; WF Assessments</a:t>
            </a:r>
          </a:p>
        </p:txBody>
      </p:sp>
      <p:sp>
        <p:nvSpPr>
          <p:cNvPr id="92" name="OTLSHAPE_SLM_0aec949068fc4edb9016a17022f2fa0f_Shape">
            <a:extLst>
              <a:ext uri="{FF2B5EF4-FFF2-40B4-BE49-F238E27FC236}">
                <a16:creationId xmlns:a16="http://schemas.microsoft.com/office/drawing/2014/main" id="{3DDC26EA-7E56-4A99-8145-0BBF9CC0B3FE}"/>
              </a:ext>
            </a:extLst>
          </p:cNvPr>
          <p:cNvSpPr/>
          <p:nvPr>
            <p:custDataLst>
              <p:tags r:id="rId14"/>
            </p:custDataLst>
          </p:nvPr>
        </p:nvSpPr>
        <p:spPr>
          <a:xfrm>
            <a:off x="1654340" y="124484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3" name="OTLSHAPE_SLM_0aec949068fc4edb9016a17022f2fa0f_Title">
            <a:extLst>
              <a:ext uri="{FF2B5EF4-FFF2-40B4-BE49-F238E27FC236}">
                <a16:creationId xmlns:a16="http://schemas.microsoft.com/office/drawing/2014/main" id="{EE4C702D-B3DB-4326-A4B5-0F4199540187}"/>
              </a:ext>
            </a:extLst>
          </p:cNvPr>
          <p:cNvSpPr txBox="1"/>
          <p:nvPr>
            <p:custDataLst>
              <p:tags r:id="rId15"/>
            </p:custDataLst>
          </p:nvPr>
        </p:nvSpPr>
        <p:spPr>
          <a:xfrm>
            <a:off x="1188756" y="985938"/>
            <a:ext cx="103912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nsolidate MDM</a:t>
            </a:r>
          </a:p>
          <a:p>
            <a:pPr algn="ctr">
              <a:spcAft>
                <a:spcPts val="0"/>
              </a:spcAft>
            </a:pPr>
            <a:r>
              <a:rPr lang="en-US" sz="825" spc="-2" dirty="0">
                <a:solidFill>
                  <a:schemeClr val="dk1"/>
                </a:solidFill>
                <a:latin typeface="Calibri" panose="020F0502020204030204" pitchFamily="34" charset="0"/>
              </a:rPr>
              <a:t>Use Cases/Capabilities</a:t>
            </a:r>
          </a:p>
        </p:txBody>
      </p:sp>
      <p:sp>
        <p:nvSpPr>
          <p:cNvPr id="94" name="OTLSHAPE_SLM_0aec949068fc4edb9016a17022f2fa0f_Shape">
            <a:extLst>
              <a:ext uri="{FF2B5EF4-FFF2-40B4-BE49-F238E27FC236}">
                <a16:creationId xmlns:a16="http://schemas.microsoft.com/office/drawing/2014/main" id="{CFF8E1B0-7E78-4317-9461-CF7788792864}"/>
              </a:ext>
            </a:extLst>
          </p:cNvPr>
          <p:cNvSpPr/>
          <p:nvPr>
            <p:custDataLst>
              <p:tags r:id="rId16"/>
            </p:custDataLst>
          </p:nvPr>
        </p:nvSpPr>
        <p:spPr>
          <a:xfrm>
            <a:off x="2434610" y="127002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6" name="OTLSHAPE_SLM_0aec949068fc4edb9016a17022f2fa0f_Title">
            <a:extLst>
              <a:ext uri="{FF2B5EF4-FFF2-40B4-BE49-F238E27FC236}">
                <a16:creationId xmlns:a16="http://schemas.microsoft.com/office/drawing/2014/main" id="{7C327261-76EE-4AFF-8115-FCC08346FD1E}"/>
              </a:ext>
            </a:extLst>
          </p:cNvPr>
          <p:cNvSpPr txBox="1"/>
          <p:nvPr>
            <p:custDataLst>
              <p:tags r:id="rId17"/>
            </p:custDataLst>
          </p:nvPr>
        </p:nvSpPr>
        <p:spPr>
          <a:xfrm>
            <a:off x="2236116" y="1418204"/>
            <a:ext cx="493965"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top 2 tools</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8"/>
            </p:custDataLst>
          </p:nvPr>
        </p:nvSpPr>
        <p:spPr>
          <a:xfrm>
            <a:off x="3670448" y="1400838"/>
            <a:ext cx="493966"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a:t>
            </a:r>
          </a:p>
          <a:p>
            <a:pPr algn="ctr">
              <a:spcAft>
                <a:spcPts val="0"/>
              </a:spcAft>
            </a:pPr>
            <a:r>
              <a:rPr lang="en-US" sz="825" spc="-2" dirty="0">
                <a:solidFill>
                  <a:schemeClr val="dk1"/>
                </a:solidFill>
                <a:latin typeface="Calibri" panose="020F0502020204030204" pitchFamily="34" charset="0"/>
              </a:rPr>
              <a:t>The Tool</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9"/>
            </p:custDataLst>
          </p:nvPr>
        </p:nvSpPr>
        <p:spPr>
          <a:xfrm>
            <a:off x="5099287" y="12718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20"/>
            </p:custDataLst>
          </p:nvPr>
        </p:nvSpPr>
        <p:spPr>
          <a:xfrm>
            <a:off x="4606061" y="1404380"/>
            <a:ext cx="111934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Environment </a:t>
            </a:r>
          </a:p>
          <a:p>
            <a:pPr algn="ctr">
              <a:spcAft>
                <a:spcPts val="0"/>
              </a:spcAft>
            </a:pPr>
            <a:r>
              <a:rPr lang="en-US" sz="825" spc="-2" dirty="0">
                <a:solidFill>
                  <a:schemeClr val="dk1"/>
                </a:solidFill>
                <a:latin typeface="Calibri" panose="020F0502020204030204" pitchFamily="34" charset="0"/>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21"/>
            </p:custDataLst>
          </p:nvPr>
        </p:nvSpPr>
        <p:spPr>
          <a:xfrm>
            <a:off x="6383522" y="196526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22"/>
            </p:custDataLst>
          </p:nvPr>
        </p:nvSpPr>
        <p:spPr>
          <a:xfrm>
            <a:off x="5935705" y="2090538"/>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4 </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23"/>
            </p:custDataLst>
          </p:nvPr>
        </p:nvSpPr>
        <p:spPr>
          <a:xfrm>
            <a:off x="7792292" y="196356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3" name="OTLSHAPE_SLM_0aec949068fc4edb9016a17022f2fa0f_Title">
            <a:extLst>
              <a:ext uri="{FF2B5EF4-FFF2-40B4-BE49-F238E27FC236}">
                <a16:creationId xmlns:a16="http://schemas.microsoft.com/office/drawing/2014/main" id="{A55B8CAF-8879-4121-824B-B5030C1DEE34}"/>
              </a:ext>
            </a:extLst>
          </p:cNvPr>
          <p:cNvSpPr txBox="1"/>
          <p:nvPr>
            <p:custDataLst>
              <p:tags r:id="rId24"/>
            </p:custDataLst>
          </p:nvPr>
        </p:nvSpPr>
        <p:spPr>
          <a:xfrm>
            <a:off x="7533202" y="2092945"/>
            <a:ext cx="65622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5 </a:t>
            </a:r>
          </a:p>
        </p:txBody>
      </p:sp>
      <p:sp>
        <p:nvSpPr>
          <p:cNvPr id="108" name="OTLSHAPE_SLM_0aec949068fc4edb9016a17022f2fa0f_Title">
            <a:extLst>
              <a:ext uri="{FF2B5EF4-FFF2-40B4-BE49-F238E27FC236}">
                <a16:creationId xmlns:a16="http://schemas.microsoft.com/office/drawing/2014/main" id="{412AC966-92EF-4138-B5F3-0B6B3BFA53F3}"/>
              </a:ext>
            </a:extLst>
          </p:cNvPr>
          <p:cNvSpPr txBox="1"/>
          <p:nvPr>
            <p:custDataLst>
              <p:tags r:id="rId25"/>
            </p:custDataLst>
          </p:nvPr>
        </p:nvSpPr>
        <p:spPr>
          <a:xfrm>
            <a:off x="2315192" y="994095"/>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tart Security Commercial</a:t>
            </a:r>
          </a:p>
        </p:txBody>
      </p:sp>
      <p:sp>
        <p:nvSpPr>
          <p:cNvPr id="109" name="OTLSHAPE_SLM_0aec949068fc4edb9016a17022f2fa0f_Shape">
            <a:extLst>
              <a:ext uri="{FF2B5EF4-FFF2-40B4-BE49-F238E27FC236}">
                <a16:creationId xmlns:a16="http://schemas.microsoft.com/office/drawing/2014/main" id="{3409DC7E-A5D1-475D-A9C5-88AE7AC41B30}"/>
              </a:ext>
            </a:extLst>
          </p:cNvPr>
          <p:cNvSpPr/>
          <p:nvPr>
            <p:custDataLst>
              <p:tags r:id="rId26"/>
            </p:custDataLst>
          </p:nvPr>
        </p:nvSpPr>
        <p:spPr>
          <a:xfrm>
            <a:off x="2584957" y="12469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27"/>
            </p:custDataLst>
          </p:nvPr>
        </p:nvSpPr>
        <p:spPr>
          <a:xfrm>
            <a:off x="4252949" y="124328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28"/>
            </p:custDataLst>
          </p:nvPr>
        </p:nvSpPr>
        <p:spPr>
          <a:xfrm>
            <a:off x="3625911" y="999990"/>
            <a:ext cx="1368179"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9"/>
            </p:custDataLst>
          </p:nvPr>
        </p:nvSpPr>
        <p:spPr>
          <a:xfrm>
            <a:off x="3933363" y="3226568"/>
            <a:ext cx="5161055" cy="129851"/>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30"/>
            </p:custDataLst>
          </p:nvPr>
        </p:nvSpPr>
        <p:spPr>
          <a:xfrm>
            <a:off x="5531062" y="19610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31"/>
            </p:custDataLst>
          </p:nvPr>
        </p:nvSpPr>
        <p:spPr>
          <a:xfrm>
            <a:off x="5298867" y="2111036"/>
            <a:ext cx="58941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a:t>
            </a:r>
          </a:p>
          <a:p>
            <a:pPr algn="ctr">
              <a:spcAft>
                <a:spcPts val="0"/>
              </a:spcAft>
            </a:pPr>
            <a:r>
              <a:rPr lang="en-US" sz="825" spc="-2" dirty="0">
                <a:solidFill>
                  <a:schemeClr val="dk1"/>
                </a:solidFill>
                <a:latin typeface="Calibri" panose="020F0502020204030204" pitchFamily="34" charset="0"/>
              </a:rPr>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32"/>
            </p:custDataLst>
          </p:nvPr>
        </p:nvSpPr>
        <p:spPr>
          <a:xfrm>
            <a:off x="4478350" y="322821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33"/>
            </p:custDataLst>
          </p:nvPr>
        </p:nvSpPr>
        <p:spPr>
          <a:xfrm>
            <a:off x="4056467" y="3357129"/>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34"/>
            </p:custDataLst>
          </p:nvPr>
        </p:nvSpPr>
        <p:spPr>
          <a:xfrm>
            <a:off x="4833802" y="196776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35"/>
            </p:custDataLst>
          </p:nvPr>
        </p:nvSpPr>
        <p:spPr>
          <a:xfrm>
            <a:off x="4635274" y="2110091"/>
            <a:ext cx="514116"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36"/>
            </p:custDataLst>
          </p:nvPr>
        </p:nvSpPr>
        <p:spPr>
          <a:xfrm>
            <a:off x="3990879" y="32282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Title">
            <a:extLst>
              <a:ext uri="{FF2B5EF4-FFF2-40B4-BE49-F238E27FC236}">
                <a16:creationId xmlns:a16="http://schemas.microsoft.com/office/drawing/2014/main" id="{3860698E-B02E-41F3-A0C7-AF4D820AF5F6}"/>
              </a:ext>
            </a:extLst>
          </p:cNvPr>
          <p:cNvSpPr txBox="1"/>
          <p:nvPr>
            <p:custDataLst>
              <p:tags r:id="rId37"/>
            </p:custDataLst>
          </p:nvPr>
        </p:nvSpPr>
        <p:spPr>
          <a:xfrm>
            <a:off x="3752594" y="3349806"/>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26" name="Rectangle 125">
            <a:extLst>
              <a:ext uri="{FF2B5EF4-FFF2-40B4-BE49-F238E27FC236}">
                <a16:creationId xmlns:a16="http://schemas.microsoft.com/office/drawing/2014/main" id="{907AA7C3-1245-45EC-9C80-1A87690C683F}"/>
              </a:ext>
            </a:extLst>
          </p:cNvPr>
          <p:cNvSpPr/>
          <p:nvPr/>
        </p:nvSpPr>
        <p:spPr>
          <a:xfrm>
            <a:off x="8289232" y="809103"/>
            <a:ext cx="393802" cy="1288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8701024" y="809103"/>
            <a:ext cx="393802" cy="12652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8291666" y="594530"/>
            <a:ext cx="802752"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dirty="0">
                <a:solidFill>
                  <a:srgbClr val="FFFFFF"/>
                </a:solidFill>
                <a:latin typeface="Arial"/>
                <a:ea typeface="ＭＳ Ｐゴシック"/>
              </a:rPr>
              <a:t>2022</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38"/>
            </p:custDataLst>
          </p:nvPr>
        </p:nvSpPr>
        <p:spPr>
          <a:xfrm>
            <a:off x="3855412" y="127674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39"/>
            </p:custDataLst>
          </p:nvPr>
        </p:nvSpPr>
        <p:spPr>
          <a:xfrm>
            <a:off x="32856" y="377883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40"/>
            </p:custDataLst>
          </p:nvPr>
        </p:nvSpPr>
        <p:spPr>
          <a:xfrm>
            <a:off x="32856" y="3783384"/>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FFFF00"/>
              </a:solidFill>
              <a:highlight>
                <a:srgbClr val="FFFF00"/>
              </a:highlight>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41"/>
            </p:custDataLst>
          </p:nvPr>
        </p:nvSpPr>
        <p:spPr>
          <a:xfrm>
            <a:off x="32856" y="3969358"/>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UK Asset </a:t>
            </a:r>
          </a:p>
          <a:p>
            <a:pPr algn="ctr"/>
            <a:r>
              <a:rPr lang="en-US" sz="825" b="1" dirty="0">
                <a:solidFill>
                  <a:schemeClr val="lt1"/>
                </a:solidFill>
                <a:latin typeface="Calibri" panose="020F0502020204030204" pitchFamily="34" charset="0"/>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42"/>
            </p:custDataLst>
          </p:nvPr>
        </p:nvSpPr>
        <p:spPr>
          <a:xfrm>
            <a:off x="7835099" y="3945407"/>
            <a:ext cx="1242418" cy="155906"/>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43"/>
            </p:custDataLst>
          </p:nvPr>
        </p:nvSpPr>
        <p:spPr>
          <a:xfrm>
            <a:off x="8952638" y="395154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1" name="OTLSHAPE_SLM_0aec949068fc4edb9016a17022f2fa0f_Title">
            <a:extLst>
              <a:ext uri="{FF2B5EF4-FFF2-40B4-BE49-F238E27FC236}">
                <a16:creationId xmlns:a16="http://schemas.microsoft.com/office/drawing/2014/main" id="{8FA32EF7-AAC3-4CFE-A691-EC498BFD359F}"/>
              </a:ext>
            </a:extLst>
          </p:cNvPr>
          <p:cNvSpPr txBox="1"/>
          <p:nvPr>
            <p:custDataLst>
              <p:tags r:id="rId44"/>
            </p:custDataLst>
          </p:nvPr>
        </p:nvSpPr>
        <p:spPr>
          <a:xfrm>
            <a:off x="8648686" y="4099732"/>
            <a:ext cx="56390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45"/>
            </p:custDataLst>
          </p:nvPr>
        </p:nvSpPr>
        <p:spPr>
          <a:xfrm>
            <a:off x="8137468" y="396150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46"/>
            </p:custDataLst>
          </p:nvPr>
        </p:nvSpPr>
        <p:spPr>
          <a:xfrm>
            <a:off x="7756045" y="4085531"/>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47"/>
            </p:custDataLst>
          </p:nvPr>
        </p:nvSpPr>
        <p:spPr>
          <a:xfrm>
            <a:off x="7787561" y="395346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7" name="OTLSHAPE_SLM_0aec949068fc4edb9016a17022f2fa0f_Title">
            <a:extLst>
              <a:ext uri="{FF2B5EF4-FFF2-40B4-BE49-F238E27FC236}">
                <a16:creationId xmlns:a16="http://schemas.microsoft.com/office/drawing/2014/main" id="{538F14A3-8E51-47B7-9408-2D78E79F0180}"/>
              </a:ext>
            </a:extLst>
          </p:cNvPr>
          <p:cNvSpPr txBox="1"/>
          <p:nvPr>
            <p:custDataLst>
              <p:tags r:id="rId48"/>
            </p:custDataLst>
          </p:nvPr>
        </p:nvSpPr>
        <p:spPr>
          <a:xfrm>
            <a:off x="7549276" y="4081415"/>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49"/>
            </p:custDataLst>
          </p:nvPr>
        </p:nvSpPr>
        <p:spPr>
          <a:xfrm>
            <a:off x="34204" y="2419906"/>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50"/>
            </p:custDataLst>
          </p:nvPr>
        </p:nvSpPr>
        <p:spPr>
          <a:xfrm>
            <a:off x="34204" y="241990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51"/>
            </p:custDataLst>
          </p:nvPr>
        </p:nvSpPr>
        <p:spPr>
          <a:xfrm>
            <a:off x="34204" y="2643743"/>
            <a:ext cx="793039" cy="255778"/>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Asset</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52"/>
            </p:custDataLst>
          </p:nvPr>
        </p:nvSpPr>
        <p:spPr>
          <a:xfrm>
            <a:off x="4327165" y="2615041"/>
            <a:ext cx="4767253" cy="146312"/>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53"/>
            </p:custDataLst>
          </p:nvPr>
        </p:nvSpPr>
        <p:spPr>
          <a:xfrm>
            <a:off x="6964888" y="260971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3" name="OTLSHAPE_SLM_0aec949068fc4edb9016a17022f2fa0f_Title">
            <a:extLst>
              <a:ext uri="{FF2B5EF4-FFF2-40B4-BE49-F238E27FC236}">
                <a16:creationId xmlns:a16="http://schemas.microsoft.com/office/drawing/2014/main" id="{66793348-176F-452C-A8EB-A6B4A27D3F4E}"/>
              </a:ext>
            </a:extLst>
          </p:cNvPr>
          <p:cNvSpPr txBox="1"/>
          <p:nvPr>
            <p:custDataLst>
              <p:tags r:id="rId54"/>
            </p:custDataLst>
          </p:nvPr>
        </p:nvSpPr>
        <p:spPr>
          <a:xfrm>
            <a:off x="6707774" y="2766574"/>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55"/>
            </p:custDataLst>
          </p:nvPr>
        </p:nvSpPr>
        <p:spPr>
          <a:xfrm>
            <a:off x="5186700" y="261405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56"/>
            </p:custDataLst>
          </p:nvPr>
        </p:nvSpPr>
        <p:spPr>
          <a:xfrm>
            <a:off x="4738046" y="2741041"/>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57"/>
            </p:custDataLst>
          </p:nvPr>
        </p:nvSpPr>
        <p:spPr>
          <a:xfrm>
            <a:off x="4346934" y="262186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7" name="OTLSHAPE_SLM_0aec949068fc4edb9016a17022f2fa0f_Title">
            <a:extLst>
              <a:ext uri="{FF2B5EF4-FFF2-40B4-BE49-F238E27FC236}">
                <a16:creationId xmlns:a16="http://schemas.microsoft.com/office/drawing/2014/main" id="{25E81B18-5C10-4C61-9D30-000CF6A05746}"/>
              </a:ext>
            </a:extLst>
          </p:cNvPr>
          <p:cNvSpPr txBox="1"/>
          <p:nvPr>
            <p:custDataLst>
              <p:tags r:id="rId58"/>
            </p:custDataLst>
          </p:nvPr>
        </p:nvSpPr>
        <p:spPr>
          <a:xfrm>
            <a:off x="3881370" y="2748011"/>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48" name="OTLSHAPE_SLM_0aec949068fc4edb9016a17022f2fa0f_Shape">
            <a:extLst>
              <a:ext uri="{FF2B5EF4-FFF2-40B4-BE49-F238E27FC236}">
                <a16:creationId xmlns:a16="http://schemas.microsoft.com/office/drawing/2014/main" id="{EE1B5D33-175B-47DD-BCED-25B97E7D5BC5}"/>
              </a:ext>
            </a:extLst>
          </p:cNvPr>
          <p:cNvSpPr/>
          <p:nvPr>
            <p:custDataLst>
              <p:tags r:id="rId59"/>
            </p:custDataLst>
          </p:nvPr>
        </p:nvSpPr>
        <p:spPr>
          <a:xfrm>
            <a:off x="8306812" y="261646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9" name="OTLSHAPE_SLM_0aec949068fc4edb9016a17022f2fa0f_Title">
            <a:extLst>
              <a:ext uri="{FF2B5EF4-FFF2-40B4-BE49-F238E27FC236}">
                <a16:creationId xmlns:a16="http://schemas.microsoft.com/office/drawing/2014/main" id="{B0540FB2-25B3-4BC0-8D89-2ACF804E2E66}"/>
              </a:ext>
            </a:extLst>
          </p:cNvPr>
          <p:cNvSpPr txBox="1"/>
          <p:nvPr>
            <p:custDataLst>
              <p:tags r:id="rId60"/>
            </p:custDataLst>
          </p:nvPr>
        </p:nvSpPr>
        <p:spPr>
          <a:xfrm>
            <a:off x="8049698" y="2765226"/>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07" name="OTLSHAPE_SLM_0aec949068fc4edb9016a17022f2fa0f_Shape">
            <a:extLst>
              <a:ext uri="{FF2B5EF4-FFF2-40B4-BE49-F238E27FC236}">
                <a16:creationId xmlns:a16="http://schemas.microsoft.com/office/drawing/2014/main" id="{7A9602D1-C431-4C5A-B8D9-293ED7A56A3E}"/>
              </a:ext>
            </a:extLst>
          </p:cNvPr>
          <p:cNvSpPr/>
          <p:nvPr>
            <p:custDataLst>
              <p:tags r:id="rId61"/>
            </p:custDataLst>
          </p:nvPr>
        </p:nvSpPr>
        <p:spPr>
          <a:xfrm>
            <a:off x="7034074" y="32268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1" name="OTLSHAPE_SLM_0aec949068fc4edb9016a17022f2fa0f_Title">
            <a:extLst>
              <a:ext uri="{FF2B5EF4-FFF2-40B4-BE49-F238E27FC236}">
                <a16:creationId xmlns:a16="http://schemas.microsoft.com/office/drawing/2014/main" id="{0C487C46-7B74-4640-AAEF-2115B4B50AB3}"/>
              </a:ext>
            </a:extLst>
          </p:cNvPr>
          <p:cNvSpPr txBox="1"/>
          <p:nvPr>
            <p:custDataLst>
              <p:tags r:id="rId62"/>
            </p:custDataLst>
          </p:nvPr>
        </p:nvSpPr>
        <p:spPr>
          <a:xfrm>
            <a:off x="6587915" y="3357038"/>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13" name="OTLSHAPE_SLM_0aec949068fc4edb9016a17022f2fa0f_Shape">
            <a:extLst>
              <a:ext uri="{FF2B5EF4-FFF2-40B4-BE49-F238E27FC236}">
                <a16:creationId xmlns:a16="http://schemas.microsoft.com/office/drawing/2014/main" id="{B3B577FA-E4BE-4097-9CC8-B8646A46DFFE}"/>
              </a:ext>
            </a:extLst>
          </p:cNvPr>
          <p:cNvSpPr/>
          <p:nvPr>
            <p:custDataLst>
              <p:tags r:id="rId63"/>
            </p:custDataLst>
          </p:nvPr>
        </p:nvSpPr>
        <p:spPr>
          <a:xfrm>
            <a:off x="5932214" y="32255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6" name="OTLSHAPE_SLM_0aec949068fc4edb9016a17022f2fa0f_Title">
            <a:extLst>
              <a:ext uri="{FF2B5EF4-FFF2-40B4-BE49-F238E27FC236}">
                <a16:creationId xmlns:a16="http://schemas.microsoft.com/office/drawing/2014/main" id="{D20B6FBB-3D96-4DB1-BFCD-BD52EE5DD0C0}"/>
              </a:ext>
            </a:extLst>
          </p:cNvPr>
          <p:cNvSpPr txBox="1"/>
          <p:nvPr>
            <p:custDataLst>
              <p:tags r:id="rId64"/>
            </p:custDataLst>
          </p:nvPr>
        </p:nvSpPr>
        <p:spPr>
          <a:xfrm>
            <a:off x="5477963" y="3363782"/>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17" name="OTLSHAPE_SLM_0aec949068fc4edb9016a17022f2fa0f_Shape">
            <a:extLst>
              <a:ext uri="{FF2B5EF4-FFF2-40B4-BE49-F238E27FC236}">
                <a16:creationId xmlns:a16="http://schemas.microsoft.com/office/drawing/2014/main" id="{721CC7C8-C6EC-44A8-9DB1-3A33E6C3A67C}"/>
              </a:ext>
            </a:extLst>
          </p:cNvPr>
          <p:cNvSpPr/>
          <p:nvPr>
            <p:custDataLst>
              <p:tags r:id="rId65"/>
            </p:custDataLst>
          </p:nvPr>
        </p:nvSpPr>
        <p:spPr>
          <a:xfrm>
            <a:off x="8222250" y="32255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22" name="OTLSHAPE_SLM_0aec949068fc4edb9016a17022f2fa0f_Title">
            <a:extLst>
              <a:ext uri="{FF2B5EF4-FFF2-40B4-BE49-F238E27FC236}">
                <a16:creationId xmlns:a16="http://schemas.microsoft.com/office/drawing/2014/main" id="{A2466AB8-F2C1-4095-95F9-5D9343652070}"/>
              </a:ext>
            </a:extLst>
          </p:cNvPr>
          <p:cNvSpPr txBox="1"/>
          <p:nvPr>
            <p:custDataLst>
              <p:tags r:id="rId66"/>
            </p:custDataLst>
          </p:nvPr>
        </p:nvSpPr>
        <p:spPr>
          <a:xfrm>
            <a:off x="7776091" y="3355690"/>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3</a:t>
            </a:r>
          </a:p>
        </p:txBody>
      </p:sp>
      <p:sp>
        <p:nvSpPr>
          <p:cNvPr id="123" name="OTLSHAPE_SLT_e8a0d0690d7843edaca796e8b25719da_Shape">
            <a:extLst>
              <a:ext uri="{FF2B5EF4-FFF2-40B4-BE49-F238E27FC236}">
                <a16:creationId xmlns:a16="http://schemas.microsoft.com/office/drawing/2014/main" id="{FF82BB3A-E131-4C68-A67E-FA2B0C87FF30}"/>
              </a:ext>
            </a:extLst>
          </p:cNvPr>
          <p:cNvSpPr/>
          <p:nvPr>
            <p:custDataLst>
              <p:tags r:id="rId67"/>
            </p:custDataLst>
          </p:nvPr>
        </p:nvSpPr>
        <p:spPr>
          <a:xfrm>
            <a:off x="2236116" y="1776865"/>
            <a:ext cx="3328801" cy="142519"/>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Transitional Interim EDP Release 1-3</a:t>
            </a:r>
          </a:p>
        </p:txBody>
      </p:sp>
      <p:sp>
        <p:nvSpPr>
          <p:cNvPr id="129" name="OTLSHAPE_SLM_0aec949068fc4edb9016a17022f2fa0f_Shape">
            <a:extLst>
              <a:ext uri="{FF2B5EF4-FFF2-40B4-BE49-F238E27FC236}">
                <a16:creationId xmlns:a16="http://schemas.microsoft.com/office/drawing/2014/main" id="{5BE22C56-8A48-447A-8072-47FAA9461672}"/>
              </a:ext>
            </a:extLst>
          </p:cNvPr>
          <p:cNvSpPr/>
          <p:nvPr>
            <p:custDataLst>
              <p:tags r:id="rId68"/>
            </p:custDataLst>
          </p:nvPr>
        </p:nvSpPr>
        <p:spPr>
          <a:xfrm>
            <a:off x="8899548" y="194603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3" name="OTLSHAPE_SLM_0aec949068fc4edb9016a17022f2fa0f_Title">
            <a:extLst>
              <a:ext uri="{FF2B5EF4-FFF2-40B4-BE49-F238E27FC236}">
                <a16:creationId xmlns:a16="http://schemas.microsoft.com/office/drawing/2014/main" id="{4DB1A8E1-4CBD-4EB5-BFDE-3C09D5F7485E}"/>
              </a:ext>
            </a:extLst>
          </p:cNvPr>
          <p:cNvSpPr txBox="1"/>
          <p:nvPr>
            <p:custDataLst>
              <p:tags r:id="rId69"/>
            </p:custDataLst>
          </p:nvPr>
        </p:nvSpPr>
        <p:spPr>
          <a:xfrm>
            <a:off x="8583814" y="2091597"/>
            <a:ext cx="65622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6 </a:t>
            </a:r>
          </a:p>
        </p:txBody>
      </p:sp>
    </p:spTree>
    <p:extLst>
      <p:ext uri="{BB962C8B-B14F-4D97-AF65-F5344CB8AC3E}">
        <p14:creationId xmlns:p14="http://schemas.microsoft.com/office/powerpoint/2010/main" val="25695117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17262" y="1011413"/>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flipH="1">
            <a:off x="8039653" y="1214308"/>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a:endCxn id="61" idx="2"/>
          </p:cNvCxnSpPr>
          <p:nvPr/>
        </p:nvCxnSpPr>
        <p:spPr bwMode="auto">
          <a:xfrm flipH="1">
            <a:off x="6135474" y="1207564"/>
            <a:ext cx="3403" cy="1569503"/>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4" name="OTLSHAPE_SLT_e8a0d0690d7843edaca796e8b25719da_Shape">
            <a:extLst>
              <a:ext uri="{FF2B5EF4-FFF2-40B4-BE49-F238E27FC236}">
                <a16:creationId xmlns:a16="http://schemas.microsoft.com/office/drawing/2014/main" id="{DFACD845-BC9F-4D5B-8073-D0E382C40F17}"/>
              </a:ext>
            </a:extLst>
          </p:cNvPr>
          <p:cNvSpPr/>
          <p:nvPr>
            <p:custDataLst>
              <p:tags r:id="rId2"/>
            </p:custDataLst>
          </p:nvPr>
        </p:nvSpPr>
        <p:spPr>
          <a:xfrm>
            <a:off x="113300" y="1011977"/>
            <a:ext cx="1315929" cy="141535"/>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3"/>
            </p:custDataLst>
          </p:nvPr>
        </p:nvSpPr>
        <p:spPr>
          <a:xfrm>
            <a:off x="115707" y="2107301"/>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4"/>
            </p:custDataLst>
          </p:nvPr>
        </p:nvSpPr>
        <p:spPr>
          <a:xfrm>
            <a:off x="117262" y="2807422"/>
            <a:ext cx="8885875" cy="64203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8418677" cy="376946"/>
          </a:xfrm>
        </p:spPr>
        <p:txBody>
          <a:bodyPr/>
          <a:lstStyle/>
          <a:p>
            <a:r>
              <a:rPr lang="en-GB" dirty="0"/>
              <a:t>UK Asset MDM Proposed Roadmap (Draft)</a:t>
            </a:r>
          </a:p>
        </p:txBody>
      </p:sp>
      <p:sp>
        <p:nvSpPr>
          <p:cNvPr id="66" name="Rectangle 65">
            <a:extLst>
              <a:ext uri="{FF2B5EF4-FFF2-40B4-BE49-F238E27FC236}">
                <a16:creationId xmlns:a16="http://schemas.microsoft.com/office/drawing/2014/main" id="{A12C81B1-BE83-48E0-82F6-ED0EDEB9568A}"/>
              </a:ext>
            </a:extLst>
          </p:cNvPr>
          <p:cNvSpPr/>
          <p:nvPr/>
        </p:nvSpPr>
        <p:spPr>
          <a:xfrm>
            <a:off x="1052848" y="799081"/>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2467230" y="799081"/>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1988759" y="799081"/>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104675" y="578755"/>
            <a:ext cx="6045246" cy="169277"/>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30" name="Rectangle 129">
            <a:extLst>
              <a:ext uri="{FF2B5EF4-FFF2-40B4-BE49-F238E27FC236}">
                <a16:creationId xmlns:a16="http://schemas.microsoft.com/office/drawing/2014/main" id="{8D198724-3E6B-4504-AE71-7A5090A86AB4}"/>
              </a:ext>
            </a:extLst>
          </p:cNvPr>
          <p:cNvSpPr/>
          <p:nvPr/>
        </p:nvSpPr>
        <p:spPr>
          <a:xfrm>
            <a:off x="1522037" y="799081"/>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4557159" y="806494"/>
            <a:ext cx="506939" cy="18840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3477626" y="806494"/>
            <a:ext cx="506939" cy="18840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4013408" y="806494"/>
            <a:ext cx="506939" cy="18840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2947573" y="805214"/>
            <a:ext cx="506939" cy="18840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5"/>
            </p:custDataLst>
          </p:nvPr>
        </p:nvSpPr>
        <p:spPr>
          <a:xfrm>
            <a:off x="115707" y="141284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3901132" y="2261926"/>
            <a:ext cx="5134957" cy="130622"/>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Source System Integration</a:t>
            </a:r>
          </a:p>
        </p:txBody>
      </p:sp>
      <p:sp>
        <p:nvSpPr>
          <p:cNvPr id="87" name="Rectangle 86">
            <a:extLst>
              <a:ext uri="{FF2B5EF4-FFF2-40B4-BE49-F238E27FC236}">
                <a16:creationId xmlns:a16="http://schemas.microsoft.com/office/drawing/2014/main" id="{D171760A-447B-483E-87A3-5A7511C18F93}"/>
              </a:ext>
            </a:extLst>
          </p:cNvPr>
          <p:cNvSpPr/>
          <p:nvPr/>
        </p:nvSpPr>
        <p:spPr>
          <a:xfrm>
            <a:off x="5642982" y="805214"/>
            <a:ext cx="506939" cy="18840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5097536" y="805214"/>
            <a:ext cx="506939" cy="18840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7"/>
            </p:custDataLst>
          </p:nvPr>
        </p:nvSpPr>
        <p:spPr>
          <a:xfrm>
            <a:off x="1033483" y="1146690"/>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tool</a:t>
            </a:r>
          </a:p>
          <a:p>
            <a:pPr algn="ctr">
              <a:spcAft>
                <a:spcPts val="0"/>
              </a:spcAft>
            </a:pPr>
            <a:r>
              <a:rPr lang="en-US" sz="825" spc="-2" dirty="0">
                <a:solidFill>
                  <a:schemeClr val="dk1"/>
                </a:solidFill>
                <a:latin typeface="Calibri" panose="020F0502020204030204" pitchFamily="34" charset="0"/>
              </a:rPr>
              <a:t>Ready to use</a:t>
            </a:r>
          </a:p>
        </p:txBody>
      </p:sp>
      <p:sp>
        <p:nvSpPr>
          <p:cNvPr id="67" name="Rectangle 66">
            <a:extLst>
              <a:ext uri="{FF2B5EF4-FFF2-40B4-BE49-F238E27FC236}">
                <a16:creationId xmlns:a16="http://schemas.microsoft.com/office/drawing/2014/main" id="{13AF4990-BEC8-4F76-90A9-21EF7C67AE3B}"/>
              </a:ext>
            </a:extLst>
          </p:cNvPr>
          <p:cNvSpPr/>
          <p:nvPr/>
        </p:nvSpPr>
        <p:spPr>
          <a:xfrm>
            <a:off x="6185161" y="801402"/>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68" name="Rectangle 67">
            <a:extLst>
              <a:ext uri="{FF2B5EF4-FFF2-40B4-BE49-F238E27FC236}">
                <a16:creationId xmlns:a16="http://schemas.microsoft.com/office/drawing/2014/main" id="{8C2027DD-6D6E-47AB-BF53-9BC91D7E207A}"/>
              </a:ext>
            </a:extLst>
          </p:cNvPr>
          <p:cNvSpPr/>
          <p:nvPr/>
        </p:nvSpPr>
        <p:spPr>
          <a:xfrm>
            <a:off x="583676" y="793310"/>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Feb</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8"/>
            </p:custDataLst>
          </p:nvPr>
        </p:nvSpPr>
        <p:spPr>
          <a:xfrm>
            <a:off x="2966730" y="1573374"/>
            <a:ext cx="6069358" cy="135962"/>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9"/>
            </p:custDataLst>
          </p:nvPr>
        </p:nvSpPr>
        <p:spPr>
          <a:xfrm>
            <a:off x="5468077" y="1721498"/>
            <a:ext cx="139954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 – Persistent Unique ID, Key Location and Asset fields</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10"/>
            </p:custDataLst>
          </p:nvPr>
        </p:nvSpPr>
        <p:spPr>
          <a:xfrm>
            <a:off x="6140731" y="2941577"/>
            <a:ext cx="2895358" cy="143401"/>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 (Snowflake)</a:t>
            </a:r>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11"/>
            </p:custDataLst>
          </p:nvPr>
        </p:nvSpPr>
        <p:spPr>
          <a:xfrm>
            <a:off x="7352673" y="1721498"/>
            <a:ext cx="139954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Remaining Asset and Location </a:t>
            </a:r>
          </a:p>
          <a:p>
            <a:pPr algn="ctr">
              <a:spcAft>
                <a:spcPts val="0"/>
              </a:spcAft>
            </a:pPr>
            <a:r>
              <a:rPr lang="en-US" sz="825" spc="-2" dirty="0">
                <a:solidFill>
                  <a:schemeClr val="dk1"/>
                </a:solidFill>
                <a:latin typeface="Calibri" panose="020F0502020204030204" pitchFamily="34" charset="0"/>
              </a:rPr>
              <a:t>Master Data</a:t>
            </a:r>
          </a:p>
        </p:txBody>
      </p:sp>
      <p:sp>
        <p:nvSpPr>
          <p:cNvPr id="139" name="TextBox 138">
            <a:extLst>
              <a:ext uri="{FF2B5EF4-FFF2-40B4-BE49-F238E27FC236}">
                <a16:creationId xmlns:a16="http://schemas.microsoft.com/office/drawing/2014/main" id="{B63DC23E-751D-488B-90E7-2F7AB4022685}"/>
              </a:ext>
            </a:extLst>
          </p:cNvPr>
          <p:cNvSpPr txBox="1"/>
          <p:nvPr/>
        </p:nvSpPr>
        <p:spPr bwMode="auto">
          <a:xfrm flipH="1">
            <a:off x="6185159" y="579223"/>
            <a:ext cx="2814129" cy="169277"/>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3</a:t>
            </a:r>
          </a:p>
        </p:txBody>
      </p:sp>
      <p:sp>
        <p:nvSpPr>
          <p:cNvPr id="140" name="Rectangle 139">
            <a:extLst>
              <a:ext uri="{FF2B5EF4-FFF2-40B4-BE49-F238E27FC236}">
                <a16:creationId xmlns:a16="http://schemas.microsoft.com/office/drawing/2014/main" id="{3FCD83B7-1EFF-4CD9-A187-C738E53A836A}"/>
              </a:ext>
            </a:extLst>
          </p:cNvPr>
          <p:cNvSpPr/>
          <p:nvPr/>
        </p:nvSpPr>
        <p:spPr>
          <a:xfrm>
            <a:off x="6655503" y="798162"/>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41" name="Rectangle 140">
            <a:extLst>
              <a:ext uri="{FF2B5EF4-FFF2-40B4-BE49-F238E27FC236}">
                <a16:creationId xmlns:a16="http://schemas.microsoft.com/office/drawing/2014/main" id="{24BC9807-652F-4E51-9BD1-4BC56411F2C3}"/>
              </a:ext>
            </a:extLst>
          </p:cNvPr>
          <p:cNvSpPr/>
          <p:nvPr/>
        </p:nvSpPr>
        <p:spPr>
          <a:xfrm>
            <a:off x="7134835" y="794683"/>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42" name="Rectangle 141">
            <a:extLst>
              <a:ext uri="{FF2B5EF4-FFF2-40B4-BE49-F238E27FC236}">
                <a16:creationId xmlns:a16="http://schemas.microsoft.com/office/drawing/2014/main" id="{9D0244C2-2821-409C-B8E1-65B491BC114F}"/>
              </a:ext>
            </a:extLst>
          </p:cNvPr>
          <p:cNvSpPr/>
          <p:nvPr/>
        </p:nvSpPr>
        <p:spPr>
          <a:xfrm>
            <a:off x="110974" y="794682"/>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2"/>
            </p:custDataLst>
          </p:nvPr>
        </p:nvSpPr>
        <p:spPr>
          <a:xfrm>
            <a:off x="110775" y="348283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OTLSHAPE_SLM_0aec949068fc4edb9016a17022f2fa0f_Title">
            <a:extLst>
              <a:ext uri="{FF2B5EF4-FFF2-40B4-BE49-F238E27FC236}">
                <a16:creationId xmlns:a16="http://schemas.microsoft.com/office/drawing/2014/main" id="{45A57A35-B912-4165-85A5-790CD10514B7}"/>
              </a:ext>
            </a:extLst>
          </p:cNvPr>
          <p:cNvSpPr txBox="1"/>
          <p:nvPr>
            <p:custDataLst>
              <p:tags r:id="rId13"/>
            </p:custDataLst>
          </p:nvPr>
        </p:nvSpPr>
        <p:spPr>
          <a:xfrm>
            <a:off x="3312779" y="1705499"/>
            <a:ext cx="1458709"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Data model, Master Record, Profiling, CDC, </a:t>
            </a:r>
          </a:p>
          <a:p>
            <a:pPr algn="ctr">
              <a:spcAft>
                <a:spcPts val="0"/>
              </a:spcAft>
            </a:pPr>
            <a:r>
              <a:rPr lang="en-US" sz="825" spc="-2" dirty="0">
                <a:solidFill>
                  <a:schemeClr val="dk1"/>
                </a:solidFill>
                <a:latin typeface="Calibri" panose="020F0502020204030204" pitchFamily="34" charset="0"/>
              </a:rPr>
              <a:t>Business Rules/Requirement</a:t>
            </a:r>
          </a:p>
        </p:txBody>
      </p:sp>
      <p:sp>
        <p:nvSpPr>
          <p:cNvPr id="3" name="TextBox 2">
            <a:extLst>
              <a:ext uri="{FF2B5EF4-FFF2-40B4-BE49-F238E27FC236}">
                <a16:creationId xmlns:a16="http://schemas.microsoft.com/office/drawing/2014/main" id="{D37A7263-158B-4B89-B945-1285E86E8D3B}"/>
              </a:ext>
            </a:extLst>
          </p:cNvPr>
          <p:cNvSpPr txBox="1"/>
          <p:nvPr/>
        </p:nvSpPr>
        <p:spPr bwMode="auto">
          <a:xfrm>
            <a:off x="3699111" y="4396566"/>
            <a:ext cx="4924271" cy="692497"/>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l">
              <a:spcAft>
                <a:spcPts val="200"/>
              </a:spcAft>
              <a:buClr>
                <a:schemeClr val="tx1"/>
              </a:buClr>
            </a:pPr>
            <a:r>
              <a:rPr lang="en-US" sz="1000" kern="0" dirty="0">
                <a:solidFill>
                  <a:schemeClr val="tx1"/>
                </a:solidFill>
              </a:rPr>
              <a:t>Note: </a:t>
            </a:r>
          </a:p>
          <a:p>
            <a:pPr marL="171450" indent="-171450" algn="l">
              <a:spcAft>
                <a:spcPts val="200"/>
              </a:spcAft>
              <a:buClr>
                <a:schemeClr val="tx1"/>
              </a:buClr>
              <a:buFont typeface="Arial" panose="020B0604020202020204" pitchFamily="34" charset="0"/>
              <a:buChar char="•"/>
            </a:pPr>
            <a:r>
              <a:rPr lang="en-US" sz="1000" b="0" kern="0" dirty="0">
                <a:solidFill>
                  <a:schemeClr val="tx1"/>
                </a:solidFill>
              </a:rPr>
              <a:t>Scope of each release will be finalized as per pre-work findings</a:t>
            </a:r>
          </a:p>
          <a:p>
            <a:pPr marL="171450" indent="-171450" algn="l">
              <a:spcAft>
                <a:spcPts val="200"/>
              </a:spcAft>
              <a:buClr>
                <a:schemeClr val="tx1"/>
              </a:buClr>
              <a:buFont typeface="Arial" panose="020B0604020202020204" pitchFamily="34" charset="0"/>
              <a:buChar char="•"/>
            </a:pPr>
            <a:r>
              <a:rPr lang="en-US" sz="1000" b="0" dirty="0">
                <a:solidFill>
                  <a:schemeClr val="tx1"/>
                </a:solidFill>
              </a:rPr>
              <a:t>Future Release timeline will be changed based on the current release date change</a:t>
            </a:r>
          </a:p>
          <a:p>
            <a:pPr marL="171450" indent="-171450" algn="l">
              <a:spcAft>
                <a:spcPts val="200"/>
              </a:spcAft>
              <a:buClr>
                <a:schemeClr val="tx1"/>
              </a:buClr>
              <a:buFont typeface="Arial" panose="020B0604020202020204" pitchFamily="34" charset="0"/>
              <a:buChar char="•"/>
            </a:pPr>
            <a:r>
              <a:rPr lang="en-US" sz="1000" b="0" dirty="0">
                <a:solidFill>
                  <a:schemeClr val="tx1"/>
                </a:solidFill>
              </a:rPr>
              <a:t>Each release pre-work will start ahead of the time</a:t>
            </a:r>
            <a:endParaRPr lang="en-US" sz="1000" b="0" kern="0" dirty="0">
              <a:solidFill>
                <a:schemeClr val="tx1"/>
              </a:solidFill>
            </a:endParaRPr>
          </a:p>
        </p:txBody>
      </p:sp>
      <p:sp>
        <p:nvSpPr>
          <p:cNvPr id="52" name="OTLSHAPE_SLM_0aec949068fc4edb9016a17022f2fa0f_Title">
            <a:extLst>
              <a:ext uri="{FF2B5EF4-FFF2-40B4-BE49-F238E27FC236}">
                <a16:creationId xmlns:a16="http://schemas.microsoft.com/office/drawing/2014/main" id="{A7FF0424-0218-4B71-8FCA-E1CCD6025DA4}"/>
              </a:ext>
            </a:extLst>
          </p:cNvPr>
          <p:cNvSpPr txBox="1"/>
          <p:nvPr>
            <p:custDataLst>
              <p:tags r:id="rId14"/>
            </p:custDataLst>
          </p:nvPr>
        </p:nvSpPr>
        <p:spPr>
          <a:xfrm>
            <a:off x="7484435" y="2401456"/>
            <a:ext cx="1161520"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remaining Location and Asset master data to Source System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5"/>
            </p:custDataLst>
          </p:nvPr>
        </p:nvSpPr>
        <p:spPr>
          <a:xfrm>
            <a:off x="7998625" y="226439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6"/>
            </p:custDataLst>
          </p:nvPr>
        </p:nvSpPr>
        <p:spPr>
          <a:xfrm>
            <a:off x="6087604" y="226757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0" name="OTLSHAPE_SLM_0aec949068fc4edb9016a17022f2fa0f_Title">
            <a:extLst>
              <a:ext uri="{FF2B5EF4-FFF2-40B4-BE49-F238E27FC236}">
                <a16:creationId xmlns:a16="http://schemas.microsoft.com/office/drawing/2014/main" id="{FFF2DC85-73E7-4593-BAEE-E8A8867D05C8}"/>
              </a:ext>
            </a:extLst>
          </p:cNvPr>
          <p:cNvSpPr txBox="1"/>
          <p:nvPr>
            <p:custDataLst>
              <p:tags r:id="rId17"/>
            </p:custDataLst>
          </p:nvPr>
        </p:nvSpPr>
        <p:spPr>
          <a:xfrm>
            <a:off x="7512872" y="3091141"/>
            <a:ext cx="1086509"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and Location Master Data sync </a:t>
            </a:r>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8"/>
            </p:custDataLst>
          </p:nvPr>
        </p:nvSpPr>
        <p:spPr>
          <a:xfrm>
            <a:off x="8000057" y="294700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M_0aec949068fc4edb9016a17022f2fa0f_Shape">
            <a:extLst>
              <a:ext uri="{FF2B5EF4-FFF2-40B4-BE49-F238E27FC236}">
                <a16:creationId xmlns:a16="http://schemas.microsoft.com/office/drawing/2014/main" id="{0DA15BC5-C946-48C3-8FF0-162702D9051F}"/>
              </a:ext>
            </a:extLst>
          </p:cNvPr>
          <p:cNvSpPr/>
          <p:nvPr>
            <p:custDataLst>
              <p:tags r:id="rId19"/>
            </p:custDataLst>
          </p:nvPr>
        </p:nvSpPr>
        <p:spPr>
          <a:xfrm>
            <a:off x="1309354" y="1024532"/>
            <a:ext cx="102155" cy="12898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rgbClr val="00B050"/>
              </a:solidFill>
            </a:endParaRPr>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20"/>
            </p:custDataLst>
          </p:nvPr>
        </p:nvSpPr>
        <p:spPr>
          <a:xfrm>
            <a:off x="6140730" y="3613323"/>
            <a:ext cx="2858558" cy="150381"/>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Other System Integration</a:t>
            </a:r>
          </a:p>
        </p:txBody>
      </p:sp>
      <p:sp>
        <p:nvSpPr>
          <p:cNvPr id="79" name="OTLSHAPE_SLM_0aec949068fc4edb9016a17022f2fa0f_Title">
            <a:extLst>
              <a:ext uri="{FF2B5EF4-FFF2-40B4-BE49-F238E27FC236}">
                <a16:creationId xmlns:a16="http://schemas.microsoft.com/office/drawing/2014/main" id="{DB7CE25C-05AB-4258-89B7-6757270960E9}"/>
              </a:ext>
            </a:extLst>
          </p:cNvPr>
          <p:cNvSpPr txBox="1"/>
          <p:nvPr>
            <p:custDataLst>
              <p:tags r:id="rId21"/>
            </p:custDataLst>
          </p:nvPr>
        </p:nvSpPr>
        <p:spPr>
          <a:xfrm>
            <a:off x="7462682" y="3768927"/>
            <a:ext cx="1169117" cy="126958"/>
          </a:xfrm>
          <a:prstGeom prst="rect">
            <a:avLst/>
          </a:prstGeom>
          <a:noFill/>
        </p:spPr>
        <p:txBody>
          <a:bodyPr vert="horz" wrap="square" lIns="0" tIns="0" rIns="0" bIns="0" rtlCol="0" anchor="ctr" anchorCtr="0">
            <a:spAutoFit/>
          </a:bodyPr>
          <a:lstStyle/>
          <a:p>
            <a:pPr algn="ctr">
              <a:spcAft>
                <a:spcPts val="0"/>
              </a:spcAft>
            </a:pPr>
            <a:r>
              <a:rPr lang="en-US" sz="825" spc="-2" dirty="0" err="1">
                <a:solidFill>
                  <a:schemeClr val="dk1"/>
                </a:solidFill>
                <a:latin typeface="Calibri" panose="020F0502020204030204" pitchFamily="34" charset="0"/>
              </a:rPr>
              <a:t>tbd</a:t>
            </a:r>
            <a:endParaRPr lang="en-US" sz="825" spc="-2" dirty="0">
              <a:solidFill>
                <a:schemeClr val="dk1"/>
              </a:solidFill>
              <a:latin typeface="Calibri" panose="020F0502020204030204" pitchFamily="34" charset="0"/>
            </a:endParaRPr>
          </a:p>
        </p:txBody>
      </p:sp>
      <p:sp>
        <p:nvSpPr>
          <p:cNvPr id="80" name="OTLSHAPE_SLM_0aec949068fc4edb9016a17022f2fa0f_Shape">
            <a:extLst>
              <a:ext uri="{FF2B5EF4-FFF2-40B4-BE49-F238E27FC236}">
                <a16:creationId xmlns:a16="http://schemas.microsoft.com/office/drawing/2014/main" id="{C2B0AE1E-59FA-4DED-A7C4-05F32EABC764}"/>
              </a:ext>
            </a:extLst>
          </p:cNvPr>
          <p:cNvSpPr/>
          <p:nvPr>
            <p:custDataLst>
              <p:tags r:id="rId22"/>
            </p:custDataLst>
          </p:nvPr>
        </p:nvSpPr>
        <p:spPr>
          <a:xfrm>
            <a:off x="7999001" y="361874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7" name="OTLSHAPE_SLM_0aec949068fc4edb9016a17022f2fa0f_Shape">
            <a:extLst>
              <a:ext uri="{FF2B5EF4-FFF2-40B4-BE49-F238E27FC236}">
                <a16:creationId xmlns:a16="http://schemas.microsoft.com/office/drawing/2014/main" id="{3EF77DEE-EA83-40BF-AAA2-986F1E13BB84}"/>
              </a:ext>
            </a:extLst>
          </p:cNvPr>
          <p:cNvSpPr/>
          <p:nvPr>
            <p:custDataLst>
              <p:tags r:id="rId23"/>
            </p:custDataLst>
          </p:nvPr>
        </p:nvSpPr>
        <p:spPr>
          <a:xfrm>
            <a:off x="6085366" y="362392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SLM_0aec949068fc4edb9016a17022f2fa0f_Title">
            <a:extLst>
              <a:ext uri="{FF2B5EF4-FFF2-40B4-BE49-F238E27FC236}">
                <a16:creationId xmlns:a16="http://schemas.microsoft.com/office/drawing/2014/main" id="{985D44CE-D3C2-47F9-A427-59496E116D49}"/>
              </a:ext>
            </a:extLst>
          </p:cNvPr>
          <p:cNvSpPr txBox="1"/>
          <p:nvPr>
            <p:custDataLst>
              <p:tags r:id="rId24"/>
            </p:custDataLst>
          </p:nvPr>
        </p:nvSpPr>
        <p:spPr>
          <a:xfrm>
            <a:off x="5845690" y="3768760"/>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08" name="OTLSHAPE_SLM_0aec949068fc4edb9016a17022f2fa0f_Shape">
            <a:extLst>
              <a:ext uri="{FF2B5EF4-FFF2-40B4-BE49-F238E27FC236}">
                <a16:creationId xmlns:a16="http://schemas.microsoft.com/office/drawing/2014/main" id="{9F250072-5C63-4FB1-A7C3-DBCAB97738C1}"/>
              </a:ext>
            </a:extLst>
          </p:cNvPr>
          <p:cNvSpPr/>
          <p:nvPr>
            <p:custDataLst>
              <p:tags r:id="rId25"/>
            </p:custDataLst>
          </p:nvPr>
        </p:nvSpPr>
        <p:spPr>
          <a:xfrm>
            <a:off x="6084018" y="29428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Title">
            <a:extLst>
              <a:ext uri="{FF2B5EF4-FFF2-40B4-BE49-F238E27FC236}">
                <a16:creationId xmlns:a16="http://schemas.microsoft.com/office/drawing/2014/main" id="{D3A7103F-7C67-4C91-87FC-A116CAC0A2CB}"/>
              </a:ext>
            </a:extLst>
          </p:cNvPr>
          <p:cNvSpPr txBox="1"/>
          <p:nvPr>
            <p:custDataLst>
              <p:tags r:id="rId26"/>
            </p:custDataLst>
          </p:nvPr>
        </p:nvSpPr>
        <p:spPr>
          <a:xfrm>
            <a:off x="5844342" y="3087684"/>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7"/>
            </p:custDataLst>
          </p:nvPr>
        </p:nvSpPr>
        <p:spPr>
          <a:xfrm>
            <a:off x="3882143" y="225748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8"/>
            </p:custDataLst>
          </p:nvPr>
        </p:nvSpPr>
        <p:spPr>
          <a:xfrm>
            <a:off x="3699111" y="2418507"/>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6" name="OTLSHAPE_SLM_0aec949068fc4edb9016a17022f2fa0f_Shape">
            <a:extLst>
              <a:ext uri="{FF2B5EF4-FFF2-40B4-BE49-F238E27FC236}">
                <a16:creationId xmlns:a16="http://schemas.microsoft.com/office/drawing/2014/main" id="{89078D9E-4051-4BDD-AD65-AAC07DCED2C2}"/>
              </a:ext>
            </a:extLst>
          </p:cNvPr>
          <p:cNvSpPr/>
          <p:nvPr>
            <p:custDataLst>
              <p:tags r:id="rId29"/>
            </p:custDataLst>
          </p:nvPr>
        </p:nvSpPr>
        <p:spPr>
          <a:xfrm>
            <a:off x="2935762" y="15858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7" name="OTLSHAPE_SLM_0aec949068fc4edb9016a17022f2fa0f_Title">
            <a:extLst>
              <a:ext uri="{FF2B5EF4-FFF2-40B4-BE49-F238E27FC236}">
                <a16:creationId xmlns:a16="http://schemas.microsoft.com/office/drawing/2014/main" id="{18956F70-050F-4DA3-BDBC-CCDCE1F7AD2F}"/>
              </a:ext>
            </a:extLst>
          </p:cNvPr>
          <p:cNvSpPr txBox="1"/>
          <p:nvPr>
            <p:custDataLst>
              <p:tags r:id="rId30"/>
            </p:custDataLst>
          </p:nvPr>
        </p:nvSpPr>
        <p:spPr>
          <a:xfrm>
            <a:off x="2833650" y="1738826"/>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8" name="Rectangle 117">
            <a:extLst>
              <a:ext uri="{FF2B5EF4-FFF2-40B4-BE49-F238E27FC236}">
                <a16:creationId xmlns:a16="http://schemas.microsoft.com/office/drawing/2014/main" id="{DDE9BE42-6A33-497E-BDCF-080379C51701}"/>
              </a:ext>
            </a:extLst>
          </p:cNvPr>
          <p:cNvSpPr/>
          <p:nvPr/>
        </p:nvSpPr>
        <p:spPr>
          <a:xfrm>
            <a:off x="8559866"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119" name="Rectangle 118">
            <a:extLst>
              <a:ext uri="{FF2B5EF4-FFF2-40B4-BE49-F238E27FC236}">
                <a16:creationId xmlns:a16="http://schemas.microsoft.com/office/drawing/2014/main" id="{667A639C-B9C3-4DD1-ABE8-08EA94BC3D84}"/>
              </a:ext>
            </a:extLst>
          </p:cNvPr>
          <p:cNvSpPr/>
          <p:nvPr/>
        </p:nvSpPr>
        <p:spPr>
          <a:xfrm>
            <a:off x="8081395"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1" name="Rectangle 120">
            <a:extLst>
              <a:ext uri="{FF2B5EF4-FFF2-40B4-BE49-F238E27FC236}">
                <a16:creationId xmlns:a16="http://schemas.microsoft.com/office/drawing/2014/main" id="{378FE9D9-C8AA-4E60-9C0C-66590B1E21BF}"/>
              </a:ext>
            </a:extLst>
          </p:cNvPr>
          <p:cNvSpPr/>
          <p:nvPr/>
        </p:nvSpPr>
        <p:spPr>
          <a:xfrm>
            <a:off x="7614673"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31"/>
            </p:custDataLst>
          </p:nvPr>
        </p:nvSpPr>
        <p:spPr>
          <a:xfrm>
            <a:off x="3901132" y="157753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32"/>
            </p:custDataLst>
          </p:nvPr>
        </p:nvSpPr>
        <p:spPr>
          <a:xfrm>
            <a:off x="8000723" y="157122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33"/>
            </p:custDataLst>
          </p:nvPr>
        </p:nvSpPr>
        <p:spPr>
          <a:xfrm>
            <a:off x="6091167" y="15776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34"/>
            </p:custDataLst>
          </p:nvPr>
        </p:nvSpPr>
        <p:spPr>
          <a:xfrm>
            <a:off x="5820390" y="1017224"/>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5"/>
            </p:custDataLst>
          </p:nvPr>
        </p:nvSpPr>
        <p:spPr>
          <a:xfrm>
            <a:off x="7728754" y="1023968"/>
            <a:ext cx="65315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MVP</a:t>
            </a:r>
          </a:p>
          <a:p>
            <a:pPr algn="ctr">
              <a:spcAft>
                <a:spcPts val="0"/>
              </a:spcAft>
            </a:pPr>
            <a:r>
              <a:rPr lang="en-US" sz="825" spc="-2">
                <a:solidFill>
                  <a:schemeClr val="dk1"/>
                </a:solidFill>
                <a:latin typeface="Calibri" panose="020F0502020204030204" pitchFamily="34" charset="0"/>
              </a:rPr>
              <a:t>Release </a:t>
            </a:r>
            <a:r>
              <a:rPr lang="en-US" sz="825" spc="-2" dirty="0">
                <a:solidFill>
                  <a:schemeClr val="dk1"/>
                </a:solidFill>
                <a:latin typeface="Calibri" panose="020F0502020204030204" pitchFamily="34" charset="0"/>
              </a:rPr>
              <a:t>2</a:t>
            </a:r>
          </a:p>
        </p:txBody>
      </p:sp>
      <p:sp>
        <p:nvSpPr>
          <p:cNvPr id="61" name="OTLSHAPE_SLM_0aec949068fc4edb9016a17022f2fa0f_Title">
            <a:extLst>
              <a:ext uri="{FF2B5EF4-FFF2-40B4-BE49-F238E27FC236}">
                <a16:creationId xmlns:a16="http://schemas.microsoft.com/office/drawing/2014/main" id="{71E55EE9-B3FC-4FA7-8737-061B4DD80806}"/>
              </a:ext>
            </a:extLst>
          </p:cNvPr>
          <p:cNvSpPr txBox="1"/>
          <p:nvPr>
            <p:custDataLst>
              <p:tags r:id="rId36"/>
            </p:custDataLst>
          </p:nvPr>
        </p:nvSpPr>
        <p:spPr>
          <a:xfrm>
            <a:off x="5442341" y="2396194"/>
            <a:ext cx="1386265"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Persistent Unique ID, Key Location and Asset fields to Source Systems</a:t>
            </a:r>
          </a:p>
        </p:txBody>
      </p:sp>
      <p:sp>
        <p:nvSpPr>
          <p:cNvPr id="89" name="OTLSHAPE_SLM_0aec949068fc4edb9016a17022f2fa0f_Title">
            <a:extLst>
              <a:ext uri="{FF2B5EF4-FFF2-40B4-BE49-F238E27FC236}">
                <a16:creationId xmlns:a16="http://schemas.microsoft.com/office/drawing/2014/main" id="{D18DF07B-DD65-4ECC-B5C0-B6F9BF335476}"/>
              </a:ext>
            </a:extLst>
          </p:cNvPr>
          <p:cNvSpPr txBox="1"/>
          <p:nvPr>
            <p:custDataLst>
              <p:tags r:id="rId37"/>
            </p:custDataLst>
          </p:nvPr>
        </p:nvSpPr>
        <p:spPr>
          <a:xfrm>
            <a:off x="3625618" y="1435422"/>
            <a:ext cx="653157"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Tree>
    <p:extLst>
      <p:ext uri="{BB962C8B-B14F-4D97-AF65-F5344CB8AC3E}">
        <p14:creationId xmlns:p14="http://schemas.microsoft.com/office/powerpoint/2010/main" val="2367798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2" y="128236"/>
            <a:ext cx="6302261" cy="430887"/>
          </a:xfrm>
        </p:spPr>
        <p:txBody>
          <a:bodyPr/>
          <a:lstStyle/>
          <a:p>
            <a:r>
              <a:rPr lang="en-US" dirty="0"/>
              <a:t>Master Data Management Vendors/Tools</a:t>
            </a:r>
          </a:p>
        </p:txBody>
      </p:sp>
      <p:sp>
        <p:nvSpPr>
          <p:cNvPr id="5" name="Text Placeholder 9"/>
          <p:cNvSpPr>
            <a:spLocks noGrp="1"/>
          </p:cNvSpPr>
          <p:nvPr>
            <p:ph type="body" sz="quarter" idx="11"/>
          </p:nvPr>
        </p:nvSpPr>
        <p:spPr>
          <a:xfrm>
            <a:off x="306596" y="469338"/>
            <a:ext cx="8400434" cy="4770537"/>
          </a:xfrm>
        </p:spPr>
        <p:txBody>
          <a:bodyPr numCol="1"/>
          <a:lstStyle/>
          <a:p>
            <a:pPr marL="0" lvl="2" indent="0">
              <a:spcAft>
                <a:spcPts val="600"/>
              </a:spcAft>
              <a:buNone/>
            </a:pPr>
            <a:r>
              <a:rPr lang="en-GB" b="1" dirty="0">
                <a:solidFill>
                  <a:schemeClr val="tx1">
                    <a:lumMod val="50000"/>
                  </a:schemeClr>
                </a:solidFill>
                <a:hlinkClick r:id="rId3">
                  <a:extLst>
                    <a:ext uri="{A12FA001-AC4F-418D-AE19-62706E023703}">
                      <ahyp:hlinkClr xmlns:ahyp="http://schemas.microsoft.com/office/drawing/2018/hyperlinkcolor" val="tx"/>
                    </a:ext>
                  </a:extLst>
                </a:hlinkClick>
              </a:rPr>
              <a:t>Finalists</a:t>
            </a:r>
          </a:p>
          <a:p>
            <a:pPr marL="269750" lvl="2" indent="-269875">
              <a:spcAft>
                <a:spcPts val="600"/>
              </a:spcAft>
            </a:pPr>
            <a:r>
              <a:rPr lang="en-GB" b="1" dirty="0">
                <a:solidFill>
                  <a:schemeClr val="tx1">
                    <a:lumMod val="50000"/>
                  </a:schemeClr>
                </a:solidFill>
                <a:cs typeface="Arial"/>
                <a:hlinkClick r:id="rId3"/>
              </a:rPr>
              <a:t>Informatica MDM</a:t>
            </a:r>
            <a:r>
              <a:rPr lang="en-GB" b="1" dirty="0">
                <a:solidFill>
                  <a:schemeClr val="tx1">
                    <a:lumMod val="50000"/>
                  </a:schemeClr>
                </a:solidFill>
                <a:cs typeface="Arial"/>
              </a:rPr>
              <a:t> </a:t>
            </a:r>
          </a:p>
          <a:p>
            <a:pPr marL="539750" lvl="3" indent="-269875">
              <a:spcAft>
                <a:spcPts val="600"/>
              </a:spcAft>
            </a:pPr>
            <a:r>
              <a:rPr lang="en-GB" dirty="0">
                <a:solidFill>
                  <a:schemeClr val="tx1">
                    <a:lumMod val="50000"/>
                  </a:schemeClr>
                </a:solidFill>
                <a:cs typeface="Arial"/>
              </a:rPr>
              <a:t>AWS, GCP, and Azure based single-tenant SaaS solution</a:t>
            </a:r>
          </a:p>
          <a:p>
            <a:pPr marL="269750" lvl="2" indent="-269875">
              <a:spcAft>
                <a:spcPts val="600"/>
              </a:spcAft>
            </a:pPr>
            <a:r>
              <a:rPr lang="en-GB" b="1" dirty="0" err="1">
                <a:solidFill>
                  <a:schemeClr val="tx1">
                    <a:lumMod val="50000"/>
                  </a:schemeClr>
                </a:solidFill>
                <a:hlinkClick r:id="rId4"/>
              </a:rPr>
              <a:t>Reltio</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WS and GCP based multi-tenant SaaS solution (Azure support in Q2/Q3 2021)</a:t>
            </a:r>
          </a:p>
          <a:p>
            <a:pPr marL="269875" lvl="3" indent="0">
              <a:spcAft>
                <a:spcPts val="600"/>
              </a:spcAft>
              <a:buNone/>
            </a:pPr>
            <a:endParaRPr lang="en-GB" dirty="0">
              <a:solidFill>
                <a:schemeClr val="tx1">
                  <a:lumMod val="50000"/>
                </a:schemeClr>
              </a:solidFill>
            </a:endParaRPr>
          </a:p>
          <a:p>
            <a:pPr marL="0" lvl="3" indent="0">
              <a:spcAft>
                <a:spcPts val="600"/>
              </a:spcAft>
              <a:buNone/>
            </a:pPr>
            <a:r>
              <a:rPr lang="en-GB" b="1" u="sng" dirty="0">
                <a:solidFill>
                  <a:schemeClr val="tx1">
                    <a:lumMod val="50000"/>
                  </a:schemeClr>
                </a:solidFill>
              </a:rPr>
              <a:t>Following 2 vendors are eliminated after </a:t>
            </a:r>
            <a:r>
              <a:rPr lang="en-GB" b="1" u="sng">
                <a:solidFill>
                  <a:schemeClr val="tx1">
                    <a:lumMod val="50000"/>
                  </a:schemeClr>
                </a:solidFill>
              </a:rPr>
              <a:t>first round</a:t>
            </a:r>
            <a:endParaRPr lang="en-GB" b="1" u="sng" dirty="0">
              <a:solidFill>
                <a:schemeClr val="tx1">
                  <a:lumMod val="50000"/>
                </a:schemeClr>
              </a:solidFill>
            </a:endParaRPr>
          </a:p>
          <a:p>
            <a:pPr marL="269750" lvl="2" indent="-269875">
              <a:spcAft>
                <a:spcPts val="600"/>
              </a:spcAft>
            </a:pPr>
            <a:r>
              <a:rPr lang="en-GB" b="1" dirty="0" err="1">
                <a:solidFill>
                  <a:schemeClr val="tx1">
                    <a:lumMod val="50000"/>
                  </a:schemeClr>
                </a:solidFill>
                <a:hlinkClick r:id="rId5"/>
              </a:rPr>
              <a:t>Riversand</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zure based multi-tenant SaaS solution</a:t>
            </a:r>
          </a:p>
          <a:p>
            <a:pPr marL="269750" lvl="2" indent="-269875">
              <a:spcAft>
                <a:spcPts val="600"/>
              </a:spcAft>
            </a:pPr>
            <a:r>
              <a:rPr lang="en-US" b="1" dirty="0" err="1">
                <a:hlinkClick r:id="rId6"/>
              </a:rPr>
              <a:t>WinShuttle</a:t>
            </a:r>
            <a:r>
              <a:rPr lang="en-US" b="1" dirty="0">
                <a:hlinkClick r:id="rId6"/>
              </a:rPr>
              <a:t> </a:t>
            </a:r>
            <a:r>
              <a:rPr lang="en-GB" b="1" dirty="0" err="1">
                <a:solidFill>
                  <a:schemeClr val="tx1">
                    <a:lumMod val="50000"/>
                  </a:schemeClr>
                </a:solidFill>
                <a:cs typeface="Arial"/>
                <a:hlinkClick r:id="rId6"/>
              </a:rPr>
              <a:t>Enterworks</a:t>
            </a:r>
            <a:endParaRPr lang="en-GB" b="1" dirty="0">
              <a:solidFill>
                <a:schemeClr val="tx1">
                  <a:lumMod val="50000"/>
                </a:schemeClr>
              </a:solidFill>
              <a:cs typeface="Arial"/>
            </a:endParaRPr>
          </a:p>
          <a:p>
            <a:pPr marL="539750" lvl="3" indent="-269875">
              <a:spcAft>
                <a:spcPts val="600"/>
              </a:spcAft>
            </a:pPr>
            <a:r>
              <a:rPr lang="en-GB" dirty="0">
                <a:solidFill>
                  <a:schemeClr val="tx1">
                    <a:lumMod val="50000"/>
                  </a:schemeClr>
                </a:solidFill>
                <a:cs typeface="Arial"/>
              </a:rPr>
              <a:t>No SaaS solution</a:t>
            </a:r>
          </a:p>
          <a:p>
            <a:pPr marL="539750" lvl="3" indent="-269875">
              <a:spcAft>
                <a:spcPts val="600"/>
              </a:spcAft>
            </a:pPr>
            <a:r>
              <a:rPr lang="en-GB" dirty="0">
                <a:solidFill>
                  <a:schemeClr val="tx1">
                    <a:lumMod val="50000"/>
                  </a:schemeClr>
                </a:solidFill>
                <a:cs typeface="Arial"/>
              </a:rPr>
              <a:t>PaaS solution available</a:t>
            </a:r>
          </a:p>
          <a:p>
            <a:pPr marL="809750" lvl="4" indent="-269875">
              <a:spcAft>
                <a:spcPts val="600"/>
              </a:spcAft>
            </a:pPr>
            <a:endParaRPr lang="en-GB" b="1" dirty="0">
              <a:solidFill>
                <a:schemeClr val="tx1">
                  <a:lumMod val="50000"/>
                </a:schemeClr>
              </a:solidFill>
              <a:cs typeface="Arial"/>
            </a:endParaRPr>
          </a:p>
        </p:txBody>
      </p:sp>
    </p:spTree>
    <p:extLst>
      <p:ext uri="{BB962C8B-B14F-4D97-AF65-F5344CB8AC3E}">
        <p14:creationId xmlns:p14="http://schemas.microsoft.com/office/powerpoint/2010/main" val="156828071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areer Corner: Job Interview Questions To Answer And Ask -">
            <a:extLst>
              <a:ext uri="{FF2B5EF4-FFF2-40B4-BE49-F238E27FC236}">
                <a16:creationId xmlns:a16="http://schemas.microsoft.com/office/drawing/2014/main" id="{EF6813BC-DD9F-410E-B584-884ABAD89EF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493" y="745434"/>
            <a:ext cx="6873902" cy="34369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7725616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884521" cy="861774"/>
          </a:xfrm>
        </p:spPr>
        <p:txBody>
          <a:bodyPr/>
          <a:lstStyle/>
          <a:p>
            <a:r>
              <a:rPr lang="en-US" sz="2800" dirty="0">
                <a:latin typeface="Arial" pitchFamily="34" charset="0"/>
                <a:cs typeface="Arial" pitchFamily="34" charset="0"/>
              </a:rPr>
              <a:t>Why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1</a:t>
            </a:r>
            <a:endParaRPr lang="en-GB" sz="6600"/>
          </a:p>
        </p:txBody>
      </p:sp>
    </p:spTree>
    <p:extLst>
      <p:ext uri="{BB962C8B-B14F-4D97-AF65-F5344CB8AC3E}">
        <p14:creationId xmlns:p14="http://schemas.microsoft.com/office/powerpoint/2010/main" val="89231796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128436"/>
            <a:ext cx="8497370" cy="430887"/>
          </a:xfrm>
        </p:spPr>
        <p:txBody>
          <a:bodyPr/>
          <a:lstStyle/>
          <a:p>
            <a:r>
              <a:rPr lang="en-US" dirty="0"/>
              <a:t>Why Master Data Management (MD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593955"/>
            <a:ext cx="8598834" cy="2231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dirty="0">
                <a:solidFill>
                  <a:schemeClr val="tx1">
                    <a:lumMod val="50000"/>
                  </a:schemeClr>
                </a:solidFill>
              </a:rPr>
              <a:t>As per the “Fixing Data” paper presented in April 2020 to executives by Chief Data Officer Charles Zentay, unless we “Fix Data” our security, major programs, and financial and operational performance are at risk.  In addition, clean, organized Data is like a common language and underpins Business Analytics and Digital Transformation.  To overcome our data problems, the key components are (</a:t>
            </a:r>
            <a:r>
              <a:rPr lang="en-US" sz="1400" b="0" dirty="0" err="1">
                <a:solidFill>
                  <a:schemeClr val="tx1">
                    <a:lumMod val="50000"/>
                  </a:schemeClr>
                </a:solidFill>
              </a:rPr>
              <a:t>i</a:t>
            </a:r>
            <a:r>
              <a:rPr lang="en-US" sz="1400" b="0" dirty="0">
                <a:solidFill>
                  <a:schemeClr val="tx1">
                    <a:lumMod val="50000"/>
                  </a:schemeClr>
                </a:solidFill>
              </a:rPr>
              <a:t>) building upon the progress of Data BMS to improve capabilities of Data Governance &amp; Stewardship; (ii) implementing standardized Data Tools &amp; Platforms; and </a:t>
            </a:r>
            <a:r>
              <a:rPr lang="en-US" sz="1400" dirty="0">
                <a:solidFill>
                  <a:schemeClr val="tx1">
                    <a:lumMod val="50000"/>
                  </a:schemeClr>
                </a:solidFill>
              </a:rPr>
              <a:t>(iii) driving Master Data Solutions in each major domain </a:t>
            </a:r>
            <a:r>
              <a:rPr lang="en-US" sz="1400">
                <a:solidFill>
                  <a:schemeClr val="tx1">
                    <a:lumMod val="50000"/>
                  </a:schemeClr>
                </a:solidFill>
              </a:rPr>
              <a:t>(Workforce, </a:t>
            </a:r>
            <a:r>
              <a:rPr lang="en-US" sz="1400" dirty="0">
                <a:solidFill>
                  <a:schemeClr val="tx1">
                    <a:lumMod val="50000"/>
                  </a:schemeClr>
                </a:solidFill>
              </a:rPr>
              <a:t>Customer, Asset, Product, Vendor, and Finance).  To ensure rapid action and coordination, it is imperative to agree on a “Hub-and-Spoke” operating model, an owner to drive Master Data for each major domain, and a holistic funding model. </a:t>
            </a:r>
          </a:p>
          <a:p>
            <a:endParaRPr lang="en-US" sz="1400" b="0" kern="0" dirty="0">
              <a:solidFill>
                <a:schemeClr val="tx1"/>
              </a:solidFill>
              <a:latin typeface="+mn-lt"/>
              <a:ea typeface="+mn-ea"/>
            </a:endParaRPr>
          </a:p>
        </p:txBody>
      </p:sp>
      <p:pic>
        <p:nvPicPr>
          <p:cNvPr id="5" name="Picture 4">
            <a:extLst>
              <a:ext uri="{FF2B5EF4-FFF2-40B4-BE49-F238E27FC236}">
                <a16:creationId xmlns:a16="http://schemas.microsoft.com/office/drawing/2014/main" id="{1FF36BFF-44F3-43D5-9FE3-1E01012E050B}"/>
              </a:ext>
            </a:extLst>
          </p:cNvPr>
          <p:cNvPicPr>
            <a:picLocks noChangeAspect="1"/>
          </p:cNvPicPr>
          <p:nvPr/>
        </p:nvPicPr>
        <p:blipFill>
          <a:blip r:embed="rId3"/>
          <a:stretch>
            <a:fillRect/>
          </a:stretch>
        </p:blipFill>
        <p:spPr>
          <a:xfrm>
            <a:off x="1289221" y="2571750"/>
            <a:ext cx="6442574" cy="2184325"/>
          </a:xfrm>
          <a:prstGeom prst="rect">
            <a:avLst/>
          </a:prstGeom>
        </p:spPr>
      </p:pic>
    </p:spTree>
    <p:extLst>
      <p:ext uri="{BB962C8B-B14F-4D97-AF65-F5344CB8AC3E}">
        <p14:creationId xmlns:p14="http://schemas.microsoft.com/office/powerpoint/2010/main" val="156264468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sz="2400" b="1" i="0" dirty="0">
                <a:solidFill>
                  <a:schemeClr val="accent1"/>
                </a:solidFill>
                <a:effectLst/>
                <a:latin typeface="+mj-lt"/>
                <a:ea typeface="+mj-ea"/>
                <a:cs typeface="+mj-cs"/>
              </a:rPr>
              <a:t>Business Demand for </a:t>
            </a:r>
            <a:r>
              <a:rPr lang="en-US" dirty="0"/>
              <a:t>the Master Data Management</a:t>
            </a:r>
          </a:p>
        </p:txBody>
      </p:sp>
      <p:sp>
        <p:nvSpPr>
          <p:cNvPr id="4" name="TextBox 3">
            <a:extLst>
              <a:ext uri="{FF2B5EF4-FFF2-40B4-BE49-F238E27FC236}">
                <a16:creationId xmlns:a16="http://schemas.microsoft.com/office/drawing/2014/main" id="{93006EA8-A527-4BB3-A54A-ECCD308192A9}"/>
              </a:ext>
            </a:extLst>
          </p:cNvPr>
          <p:cNvSpPr txBox="1"/>
          <p:nvPr/>
        </p:nvSpPr>
        <p:spPr bwMode="auto">
          <a:xfrm>
            <a:off x="314929" y="548505"/>
            <a:ext cx="8514141"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i="1" dirty="0">
                <a:solidFill>
                  <a:srgbClr val="00148C"/>
                </a:solidFill>
                <a:latin typeface="Arial" panose="020B0604020202020204" pitchFamily="34" charset="0"/>
              </a:rPr>
              <a:t>US Business Domain Demand​</a:t>
            </a:r>
            <a:endParaRPr lang="en-US" sz="1400" dirty="0">
              <a:solidFill>
                <a:srgbClr val="00148C"/>
              </a:solidFill>
              <a:latin typeface="Arial" panose="020B0604020202020204" pitchFamily="34" charset="0"/>
            </a:endParaRPr>
          </a:p>
          <a:p>
            <a:pPr marL="171450" lvl="0" indent="-171450">
              <a:buFont typeface="Arial" panose="020B0604020202020204" pitchFamily="34" charset="0"/>
              <a:buChar char="•"/>
            </a:pPr>
            <a:r>
              <a:rPr lang="en-US" sz="1400" dirty="0">
                <a:solidFill>
                  <a:schemeClr val="tx1">
                    <a:lumMod val="50000"/>
                  </a:schemeClr>
                </a:solidFill>
              </a:rPr>
              <a:t>US Customer </a:t>
            </a:r>
            <a:r>
              <a:rPr lang="en-US" sz="1200" b="0" dirty="0">
                <a:solidFill>
                  <a:schemeClr val="tx1">
                    <a:lumMod val="50000"/>
                  </a:schemeClr>
                </a:solidFill>
              </a:rPr>
              <a:t>– MDM requirement to build high quality, consistent, accurate, and complete master customer and meter data from numerous US customer systems of record like CRIS, CIS, CRM etc. and make them available to enterprise e.g. Customer Transformation, GBE, Digital Enablement (On My Way), Energy Efficiency/Clean Energy initiative, Smart Target initiative,</a:t>
            </a:r>
            <a:r>
              <a:rPr lang="en-US" sz="1200" dirty="0">
                <a:solidFill>
                  <a:schemeClr val="tx1">
                    <a:lumMod val="50000"/>
                  </a:schemeClr>
                </a:solidFill>
              </a:rPr>
              <a:t> </a:t>
            </a:r>
            <a:r>
              <a:rPr lang="en-US" sz="1200" b="0" dirty="0">
                <a:solidFill>
                  <a:schemeClr val="tx1">
                    <a:lumMod val="50000"/>
                  </a:schemeClr>
                </a:solidFill>
              </a:rPr>
              <a:t>Consolidation of Customer Data Sources to scalable centralized repository etc.</a:t>
            </a:r>
          </a:p>
          <a:p>
            <a:pPr marL="171450" indent="-171450">
              <a:buFont typeface="Arial" panose="020B0604020202020204" pitchFamily="34" charset="0"/>
              <a:buChar char="•"/>
            </a:pPr>
            <a:r>
              <a:rPr lang="en-US" sz="1400" dirty="0">
                <a:solidFill>
                  <a:schemeClr val="tx1">
                    <a:lumMod val="50000"/>
                  </a:schemeClr>
                </a:solidFill>
              </a:rPr>
              <a:t>US Asset </a:t>
            </a:r>
            <a:r>
              <a:rPr lang="en-US" sz="1200" b="0" dirty="0">
                <a:solidFill>
                  <a:schemeClr val="tx1">
                    <a:lumMod val="50000"/>
                  </a:schemeClr>
                </a:solidFill>
              </a:rPr>
              <a:t>– MDM requirement to build high quality, consistent, accurate, and complete master asset data from numerous US asset systems of record like Power Plan, GIS, Cascade, </a:t>
            </a:r>
            <a:r>
              <a:rPr lang="en-US" sz="1200" b="0" dirty="0" err="1">
                <a:solidFill>
                  <a:schemeClr val="tx1">
                    <a:lumMod val="50000"/>
                  </a:schemeClr>
                </a:solidFill>
              </a:rPr>
              <a:t>Computapole</a:t>
            </a:r>
            <a:r>
              <a:rPr lang="en-US" sz="1200" b="0" dirty="0">
                <a:solidFill>
                  <a:schemeClr val="tx1">
                    <a:lumMod val="50000"/>
                  </a:schemeClr>
                </a:solidFill>
              </a:rPr>
              <a:t>, STORMS, Maximo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AMI, </a:t>
            </a:r>
            <a:r>
              <a:rPr lang="en-US" sz="1200" b="0" dirty="0" err="1">
                <a:solidFill>
                  <a:schemeClr val="tx1">
                    <a:lumMod val="50000"/>
                  </a:schemeClr>
                </a:solidFill>
              </a:rPr>
              <a:t>GridMod</a:t>
            </a:r>
            <a:r>
              <a:rPr lang="en-US" sz="1200" b="0" dirty="0">
                <a:solidFill>
                  <a:schemeClr val="tx1">
                    <a:lumMod val="50000"/>
                  </a:schemeClr>
                </a:solidFill>
              </a:rPr>
              <a:t>, Digital Enablement (</a:t>
            </a:r>
            <a:r>
              <a:rPr lang="en-US" sz="1200" b="0" dirty="0" err="1">
                <a:solidFill>
                  <a:schemeClr val="tx1">
                    <a:lumMod val="50000"/>
                  </a:schemeClr>
                </a:solidFill>
              </a:rPr>
              <a:t>FutureNow</a:t>
            </a:r>
            <a:r>
              <a:rPr lang="en-US" sz="1200" b="0" dirty="0">
                <a:solidFill>
                  <a:schemeClr val="tx1">
                    <a:lumMod val="50000"/>
                  </a:schemeClr>
                </a:solidFill>
              </a:rPr>
              <a:t>, VMO) etc.</a:t>
            </a:r>
          </a:p>
          <a:p>
            <a:r>
              <a:rPr lang="en-US" sz="1400" i="1" dirty="0">
                <a:solidFill>
                  <a:srgbClr val="00148C"/>
                </a:solidFill>
                <a:latin typeface="Arial" panose="020B0604020202020204" pitchFamily="34" charset="0"/>
              </a:rPr>
              <a:t>UK Business Domain Demand​</a:t>
            </a:r>
          </a:p>
          <a:p>
            <a:pPr marL="171450" lvl="0" indent="-171450">
              <a:buFont typeface="Arial" panose="020B0604020202020204" pitchFamily="34" charset="0"/>
              <a:buChar char="•"/>
            </a:pPr>
            <a:r>
              <a:rPr lang="en-US" sz="1400" dirty="0">
                <a:solidFill>
                  <a:schemeClr val="tx1">
                    <a:lumMod val="50000"/>
                  </a:schemeClr>
                </a:solidFill>
              </a:rPr>
              <a:t>UK Customer – </a:t>
            </a:r>
            <a:r>
              <a:rPr lang="en-US" sz="1200" b="0" dirty="0">
                <a:solidFill>
                  <a:schemeClr val="tx1">
                    <a:lumMod val="50000"/>
                  </a:schemeClr>
                </a:solidFill>
              </a:rPr>
              <a:t>MDM requirement to build high quality, consistent, accurate, and complete master customer data from numerous UK B2B customer systems of record CRM, SAP etc. and make them available enterprise wide </a:t>
            </a:r>
            <a:r>
              <a:rPr lang="en-US" sz="1200" b="0" dirty="0" err="1">
                <a:solidFill>
                  <a:schemeClr val="tx1">
                    <a:lumMod val="50000"/>
                  </a:schemeClr>
                </a:solidFill>
              </a:rPr>
              <a:t>eg</a:t>
            </a:r>
            <a:r>
              <a:rPr lang="en-US" sz="1200" b="0" dirty="0">
                <a:solidFill>
                  <a:schemeClr val="tx1">
                    <a:lumMod val="50000"/>
                  </a:schemeClr>
                </a:solidFill>
              </a:rPr>
              <a:t> ESO etc.</a:t>
            </a:r>
          </a:p>
          <a:p>
            <a:pPr marL="171450" indent="-171450">
              <a:buFont typeface="Arial" panose="020B0604020202020204" pitchFamily="34" charset="0"/>
              <a:buChar char="•"/>
            </a:pPr>
            <a:r>
              <a:rPr lang="en-US" sz="1400" dirty="0">
                <a:solidFill>
                  <a:schemeClr val="tx1">
                    <a:lumMod val="50000"/>
                  </a:schemeClr>
                </a:solidFill>
              </a:rPr>
              <a:t>UK Asset – </a:t>
            </a:r>
            <a:r>
              <a:rPr lang="en-US" sz="1200" b="0" dirty="0">
                <a:solidFill>
                  <a:schemeClr val="tx1">
                    <a:lumMod val="50000"/>
                  </a:schemeClr>
                </a:solidFill>
              </a:rPr>
              <a:t>MDM requirement to build high quality, consistent, accurate, and complete master asset data from numerous UK asset systems of record like Ellipse, </a:t>
            </a:r>
            <a:r>
              <a:rPr lang="en-US" sz="1200" b="0" dirty="0" err="1">
                <a:solidFill>
                  <a:schemeClr val="tx1">
                    <a:lumMod val="50000"/>
                  </a:schemeClr>
                </a:solidFill>
              </a:rPr>
              <a:t>FieldReach</a:t>
            </a:r>
            <a:r>
              <a:rPr lang="en-US" sz="1200" b="0" dirty="0">
                <a:solidFill>
                  <a:schemeClr val="tx1">
                    <a:lumMod val="50000"/>
                  </a:schemeClr>
                </a:solidFill>
              </a:rPr>
              <a:t>, </a:t>
            </a:r>
            <a:r>
              <a:rPr lang="en-US" sz="1200" b="0" dirty="0" err="1">
                <a:solidFill>
                  <a:schemeClr val="tx1">
                    <a:lumMod val="50000"/>
                  </a:schemeClr>
                </a:solidFill>
              </a:rPr>
              <a:t>GeoGrid</a:t>
            </a:r>
            <a:r>
              <a:rPr lang="en-US" sz="1200" b="0" dirty="0">
                <a:solidFill>
                  <a:schemeClr val="tx1">
                    <a:lumMod val="50000"/>
                  </a:schemeClr>
                </a:solidFill>
              </a:rPr>
              <a:t>, ET Power Factory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ESO, RIO T2 based UK GT and UK ET initiatives etc.</a:t>
            </a:r>
          </a:p>
          <a:p>
            <a:r>
              <a:rPr lang="en-US" sz="1400" i="1" dirty="0">
                <a:solidFill>
                  <a:srgbClr val="00148C"/>
                </a:solidFill>
                <a:latin typeface="Arial" panose="020B0604020202020204" pitchFamily="34" charset="0"/>
              </a:rPr>
              <a:t>Global Business Domain Demand</a:t>
            </a:r>
          </a:p>
          <a:p>
            <a:pPr marL="171450" indent="-171450">
              <a:buFont typeface="Arial" panose="020B0604020202020204" pitchFamily="34" charset="0"/>
              <a:buChar char="•"/>
            </a:pPr>
            <a:r>
              <a:rPr lang="en-US" sz="1400" dirty="0">
                <a:solidFill>
                  <a:schemeClr val="tx1">
                    <a:lumMod val="50000"/>
                  </a:schemeClr>
                </a:solidFill>
              </a:rPr>
              <a:t>Workforce</a:t>
            </a:r>
            <a:r>
              <a:rPr lang="en-US" sz="1400" b="0" dirty="0">
                <a:solidFill>
                  <a:schemeClr val="tx1">
                    <a:lumMod val="50000"/>
                  </a:schemeClr>
                </a:solidFill>
              </a:rPr>
              <a:t> </a:t>
            </a:r>
            <a:r>
              <a:rPr lang="en-US" sz="1200" b="0" dirty="0">
                <a:solidFill>
                  <a:schemeClr val="tx1">
                    <a:lumMod val="50000"/>
                  </a:schemeClr>
                </a:solidFill>
              </a:rPr>
              <a:t>– MDM requirement to build high quality, consistent, accurate, and complete master workforce (Employee, Contingent worker/Contractor, and Managed Service Provider/MSP workers) data from numerous workforce systems of record like </a:t>
            </a:r>
            <a:r>
              <a:rPr lang="en-US" sz="1200" b="0" dirty="0" err="1">
                <a:solidFill>
                  <a:schemeClr val="tx1">
                    <a:lumMod val="50000"/>
                  </a:schemeClr>
                </a:solidFill>
              </a:rPr>
              <a:t>MyHub</a:t>
            </a:r>
            <a:r>
              <a:rPr lang="en-US" sz="1200" b="0" dirty="0">
                <a:solidFill>
                  <a:schemeClr val="tx1">
                    <a:lumMod val="50000"/>
                  </a:schemeClr>
                </a:solidFill>
              </a:rPr>
              <a:t>/ </a:t>
            </a:r>
            <a:r>
              <a:rPr lang="en-US" sz="1200" b="0" dirty="0" err="1">
                <a:solidFill>
                  <a:schemeClr val="tx1">
                    <a:lumMod val="50000"/>
                  </a:schemeClr>
                </a:solidFill>
              </a:rPr>
              <a:t>SuccessFactor</a:t>
            </a:r>
            <a:r>
              <a:rPr lang="en-US" sz="1200" b="0" dirty="0">
                <a:solidFill>
                  <a:schemeClr val="tx1">
                    <a:lumMod val="50000"/>
                  </a:schemeClr>
                </a:solidFill>
              </a:rPr>
              <a:t>, </a:t>
            </a:r>
            <a:r>
              <a:rPr lang="en-US" sz="1200" b="0" dirty="0" err="1">
                <a:solidFill>
                  <a:schemeClr val="tx1">
                    <a:lumMod val="50000"/>
                  </a:schemeClr>
                </a:solidFill>
              </a:rPr>
              <a:t>FieldGlass</a:t>
            </a:r>
            <a:r>
              <a:rPr lang="en-US" sz="1200" b="0" dirty="0">
                <a:solidFill>
                  <a:schemeClr val="tx1">
                    <a:lumMod val="50000"/>
                  </a:schemeClr>
                </a:solidFill>
              </a:rPr>
              <a:t>, US/UK SAP etc. and make them available to enterprise e.g. Workforce Data Domain, IAM, GBE, Digital Enablement (On My Way) etc.</a:t>
            </a:r>
          </a:p>
          <a:p>
            <a:pPr marL="171450" indent="-171450">
              <a:buFont typeface="Arial" panose="020B0604020202020204" pitchFamily="34" charset="0"/>
              <a:buChar char="•"/>
            </a:pPr>
            <a:endParaRPr lang="en-US" sz="1400" b="0" dirty="0">
              <a:solidFill>
                <a:schemeClr val="tx1">
                  <a:lumMod val="50000"/>
                </a:schemeClr>
              </a:solidFill>
            </a:endParaRPr>
          </a:p>
        </p:txBody>
      </p:sp>
    </p:spTree>
    <p:extLst>
      <p:ext uri="{BB962C8B-B14F-4D97-AF65-F5344CB8AC3E}">
        <p14:creationId xmlns:p14="http://schemas.microsoft.com/office/powerpoint/2010/main" val="190529949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What is Master Data?</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2</a:t>
            </a:r>
            <a:endParaRPr lang="en-GB" sz="6600" dirty="0"/>
          </a:p>
        </p:txBody>
      </p:sp>
    </p:spTree>
    <p:extLst>
      <p:ext uri="{BB962C8B-B14F-4D97-AF65-F5344CB8AC3E}">
        <p14:creationId xmlns:p14="http://schemas.microsoft.com/office/powerpoint/2010/main" val="5593360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spcAft>
                <a:spcPct val="0"/>
              </a:spcAft>
              <a:defRPr sz="2400">
                <a:latin typeface="+mj-lt"/>
                <a:ea typeface="+mj-ea"/>
                <a:cs typeface="+mj-cs"/>
              </a:defRPr>
            </a:lvl1pPr>
            <a:lvl2pPr>
              <a:spcAft>
                <a:spcPct val="0"/>
              </a:spcAft>
              <a:defRPr sz="2100" b="1">
                <a:solidFill>
                  <a:srgbClr val="0079C1"/>
                </a:solidFill>
                <a:latin typeface="Arial" charset="0"/>
                <a:ea typeface="ＭＳ Ｐゴシック" pitchFamily="48" charset="-128"/>
              </a:defRPr>
            </a:lvl2pPr>
            <a:lvl3pPr>
              <a:spcAft>
                <a:spcPct val="0"/>
              </a:spcAft>
              <a:defRPr sz="2100" b="1">
                <a:solidFill>
                  <a:srgbClr val="0079C1"/>
                </a:solidFill>
                <a:latin typeface="Arial" charset="0"/>
                <a:ea typeface="ＭＳ Ｐゴシック" pitchFamily="48" charset="-128"/>
              </a:defRPr>
            </a:lvl3pPr>
            <a:lvl4pPr>
              <a:spcAft>
                <a:spcPct val="0"/>
              </a:spcAft>
              <a:defRPr sz="2100" b="1">
                <a:solidFill>
                  <a:srgbClr val="0079C1"/>
                </a:solidFill>
                <a:latin typeface="Arial" charset="0"/>
                <a:ea typeface="ＭＳ Ｐゴシック" pitchFamily="48" charset="-128"/>
              </a:defRPr>
            </a:lvl4pPr>
            <a:lvl5pPr>
              <a:spcAft>
                <a:spcPct val="0"/>
              </a:spcAft>
              <a:defRPr sz="2100" b="1">
                <a:solidFill>
                  <a:srgbClr val="0079C1"/>
                </a:solidFill>
                <a:latin typeface="Arial" charset="0"/>
                <a:ea typeface="ＭＳ Ｐゴシック" pitchFamily="48" charset="-128"/>
              </a:defRPr>
            </a:lvl5pPr>
            <a:lvl6pPr marL="342866">
              <a:spcAft>
                <a:spcPct val="0"/>
              </a:spcAft>
              <a:defRPr sz="2100" b="1">
                <a:solidFill>
                  <a:srgbClr val="0079C1"/>
                </a:solidFill>
                <a:latin typeface="Arial" charset="0"/>
                <a:ea typeface="ＭＳ Ｐゴシック" pitchFamily="48" charset="-128"/>
              </a:defRPr>
            </a:lvl6pPr>
            <a:lvl7pPr marL="685732">
              <a:spcAft>
                <a:spcPct val="0"/>
              </a:spcAft>
              <a:defRPr sz="2100" b="1">
                <a:solidFill>
                  <a:srgbClr val="0079C1"/>
                </a:solidFill>
                <a:latin typeface="Arial" charset="0"/>
                <a:ea typeface="ＭＳ Ｐゴシック" pitchFamily="48" charset="-128"/>
              </a:defRPr>
            </a:lvl7pPr>
            <a:lvl8pPr marL="1028598">
              <a:spcAft>
                <a:spcPct val="0"/>
              </a:spcAft>
              <a:defRPr sz="2100" b="1">
                <a:solidFill>
                  <a:srgbClr val="0079C1"/>
                </a:solidFill>
                <a:latin typeface="Arial" charset="0"/>
                <a:ea typeface="ＭＳ Ｐゴシック" pitchFamily="48" charset="-128"/>
              </a:defRPr>
            </a:lvl8pPr>
            <a:lvl9pPr marL="1371464">
              <a:spcAft>
                <a:spcPct val="0"/>
              </a:spcAft>
              <a:defRPr sz="2100" b="1">
                <a:solidFill>
                  <a:srgbClr val="0079C1"/>
                </a:solidFill>
                <a:latin typeface="Arial" charset="0"/>
                <a:ea typeface="ＭＳ Ｐゴシック" pitchFamily="48" charset="-128"/>
              </a:defRPr>
            </a:lvl9pPr>
          </a:lstStyle>
          <a:p>
            <a:r>
              <a:rPr lang="en-US" dirty="0"/>
              <a:t>Enterprise Data Capabilities Modernization</a:t>
            </a:r>
          </a:p>
        </p:txBody>
      </p:sp>
      <p:grpSp>
        <p:nvGrpSpPr>
          <p:cNvPr id="77" name="Group 76">
            <a:extLst>
              <a:ext uri="{FF2B5EF4-FFF2-40B4-BE49-F238E27FC236}">
                <a16:creationId xmlns:a16="http://schemas.microsoft.com/office/drawing/2014/main" id="{3FE687C7-61A9-487B-836A-CF7B45370348}"/>
              </a:ext>
            </a:extLst>
          </p:cNvPr>
          <p:cNvGrpSpPr/>
          <p:nvPr/>
        </p:nvGrpSpPr>
        <p:grpSpPr>
          <a:xfrm>
            <a:off x="698591" y="818919"/>
            <a:ext cx="7746817" cy="3665324"/>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537220229"/>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5" name="TextBox 94">
              <a:extLst>
                <a:ext uri="{FF2B5EF4-FFF2-40B4-BE49-F238E27FC236}">
                  <a16:creationId xmlns:a16="http://schemas.microsoft.com/office/drawing/2014/main" id="{7C656638-78A2-4A33-839A-7C0C9BA96369}"/>
                </a:ext>
              </a:extLst>
            </p:cNvPr>
            <p:cNvSpPr txBox="1"/>
            <p:nvPr/>
          </p:nvSpPr>
          <p:spPr bwMode="auto">
            <a:xfrm>
              <a:off x="2885970" y="786217"/>
              <a:ext cx="9092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a:solidFill>
                    <a:schemeClr val="accent2">
                      <a:lumMod val="20000"/>
                      <a:lumOff val="80000"/>
                    </a:schemeClr>
                  </a:solidFill>
                </a:rPr>
                <a:t>Informatica</a:t>
              </a:r>
              <a:endParaRPr lang="en-US" sz="1400" b="0" kern="0">
                <a:solidFill>
                  <a:schemeClr val="accent2">
                    <a:lumMod val="20000"/>
                    <a:lumOff val="80000"/>
                  </a:schemeClr>
                </a:solidFill>
                <a:latin typeface="+mn-lt"/>
                <a:ea typeface="+mn-ea"/>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03033" y="786217"/>
              <a:ext cx="10746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a:solidFill>
                    <a:schemeClr val="accent2">
                      <a:lumMod val="20000"/>
                      <a:lumOff val="80000"/>
                    </a:schemeClr>
                  </a:solidFill>
                  <a:latin typeface="+mn-lt"/>
                  <a:ea typeface="+mn-ea"/>
                </a:rPr>
                <a:t>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819358" y="786217"/>
              <a:ext cx="9092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r>
                <a:rPr lang="en-US" sz="1400" b="0">
                  <a:solidFill>
                    <a:schemeClr val="accent2">
                      <a:lumMod val="20000"/>
                      <a:lumOff val="80000"/>
                    </a:schemeClr>
                  </a:solidFill>
                </a:rPr>
                <a:t>Informatica</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867227" y="786217"/>
              <a:ext cx="889108"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a:solidFill>
                    <a:schemeClr val="accent2">
                      <a:lumMod val="20000"/>
                      <a:lumOff val="80000"/>
                    </a:schemeClr>
                  </a:solidFill>
                  <a:latin typeface="+mn-lt"/>
                  <a:ea typeface="+mn-ea"/>
                </a:rPr>
                <a:t>Matillion</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5236713" y="786217"/>
              <a:ext cx="458482"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b="0">
                  <a:solidFill>
                    <a:schemeClr val="accent2">
                      <a:lumMod val="20000"/>
                      <a:lumOff val="80000"/>
                    </a:schemeClr>
                  </a:solidFill>
                  <a:latin typeface="+mn-lt"/>
                  <a:ea typeface="+mn-ea"/>
                </a:rPr>
                <a:t>TBD</a:t>
              </a:r>
              <a:endParaRPr lang="en-US" sz="1400" b="0" kern="0">
                <a:solidFill>
                  <a:schemeClr val="accent2">
                    <a:lumMod val="20000"/>
                    <a:lumOff val="80000"/>
                  </a:schemeClr>
                </a:solidFill>
                <a:latin typeface="+mn-lt"/>
                <a:ea typeface="+mn-ea"/>
              </a:endParaRP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6175574" y="786217"/>
              <a:ext cx="99984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b="0" kern="0">
                  <a:solidFill>
                    <a:schemeClr val="accent2">
                      <a:lumMod val="20000"/>
                      <a:lumOff val="80000"/>
                    </a:schemeClr>
                  </a:solidFill>
                </a:rPr>
                <a:t>Snowflake</a:t>
              </a:r>
              <a:endParaRPr lang="en-US" sz="1400" b="0" kern="0">
                <a:solidFill>
                  <a:schemeClr val="accent2">
                    <a:lumMod val="20000"/>
                    <a:lumOff val="80000"/>
                  </a:schemeClr>
                </a:solidFill>
                <a:latin typeface="+mn-lt"/>
                <a:ea typeface="+mn-ea"/>
              </a:endParaRP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7223830" y="786217"/>
              <a:ext cx="99984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200" b="0" kern="0" dirty="0">
                  <a:solidFill>
                    <a:schemeClr val="accent2">
                      <a:lumMod val="20000"/>
                      <a:lumOff val="80000"/>
                    </a:schemeClr>
                  </a:solidFill>
                </a:rPr>
                <a:t>Power BI, </a:t>
              </a:r>
              <a:r>
                <a:rPr lang="en-US" sz="1000" b="0" kern="0" dirty="0">
                  <a:solidFill>
                    <a:schemeClr val="accent2">
                      <a:lumMod val="20000"/>
                      <a:lumOff val="80000"/>
                    </a:schemeClr>
                  </a:solidFill>
                </a:rPr>
                <a:t>TBD</a:t>
              </a:r>
              <a:endParaRPr lang="en-US" sz="1000" b="0" kern="0" dirty="0">
                <a:solidFill>
                  <a:schemeClr val="accent2">
                    <a:lumMod val="20000"/>
                    <a:lumOff val="80000"/>
                  </a:schemeClr>
                </a:solidFill>
                <a:latin typeface="+mn-lt"/>
                <a:ea typeface="+mn-ea"/>
              </a:endParaRPr>
            </a:p>
          </p:txBody>
        </p:sp>
      </p:grpSp>
    </p:spTree>
    <p:extLst>
      <p:ext uri="{BB962C8B-B14F-4D97-AF65-F5344CB8AC3E}">
        <p14:creationId xmlns:p14="http://schemas.microsoft.com/office/powerpoint/2010/main" val="2535754629"/>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2" name="Picture 201">
            <a:extLst>
              <a:ext uri="{FF2B5EF4-FFF2-40B4-BE49-F238E27FC236}">
                <a16:creationId xmlns:a16="http://schemas.microsoft.com/office/drawing/2014/main" id="{6AE35193-B399-493F-A0B9-A3E6E8939CC0}"/>
              </a:ext>
            </a:extLst>
          </p:cNvPr>
          <p:cNvPicPr>
            <a:picLocks noChangeAspect="1"/>
          </p:cNvPicPr>
          <p:nvPr/>
        </p:nvPicPr>
        <p:blipFill>
          <a:blip r:embed="rId3">
            <a:duotone>
              <a:schemeClr val="accent1">
                <a:shade val="45000"/>
                <a:satMod val="135000"/>
              </a:schemeClr>
              <a:prstClr val="white"/>
            </a:duotone>
            <a:lum bright="-6000"/>
          </a:blip>
          <a:stretch>
            <a:fillRect/>
          </a:stretch>
        </p:blipFill>
        <p:spPr>
          <a:xfrm>
            <a:off x="2101963" y="745550"/>
            <a:ext cx="462453" cy="349821"/>
          </a:xfrm>
          <a:prstGeom prst="rect">
            <a:avLst/>
          </a:prstGeom>
          <a:solidFill>
            <a:srgbClr val="575A93"/>
          </a:solidFill>
        </p:spPr>
      </p:pic>
      <p:sp>
        <p:nvSpPr>
          <p:cNvPr id="163" name="Rectangle: Rounded Corners 8">
            <a:extLst>
              <a:ext uri="{FF2B5EF4-FFF2-40B4-BE49-F238E27FC236}">
                <a16:creationId xmlns:a16="http://schemas.microsoft.com/office/drawing/2014/main" id="{2D72B5C0-0FED-4E21-B4A7-B88D16652A78}"/>
              </a:ext>
            </a:extLst>
          </p:cNvPr>
          <p:cNvSpPr txBox="1"/>
          <p:nvPr/>
        </p:nvSpPr>
        <p:spPr>
          <a:xfrm>
            <a:off x="1986476" y="3554756"/>
            <a:ext cx="4638981" cy="661362"/>
          </a:xfrm>
          <a:prstGeom prst="rect">
            <a:avLst/>
          </a:prstGeom>
          <a:solidFill>
            <a:srgbClr val="00148C"/>
          </a:solidFill>
          <a:ln w="9525" cap="flat" cmpd="sng" algn="ctr">
            <a:solidFill>
              <a:schemeClr val="tx2">
                <a:lumMod val="60000"/>
                <a:lumOff val="40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endParaRPr lang="en-US"/>
          </a:p>
        </p:txBody>
      </p:sp>
      <p:grpSp>
        <p:nvGrpSpPr>
          <p:cNvPr id="121" name="Group 120">
            <a:extLst>
              <a:ext uri="{FF2B5EF4-FFF2-40B4-BE49-F238E27FC236}">
                <a16:creationId xmlns:a16="http://schemas.microsoft.com/office/drawing/2014/main" id="{14B8B241-0E40-400E-A570-0C12026F19CC}"/>
              </a:ext>
            </a:extLst>
          </p:cNvPr>
          <p:cNvGrpSpPr/>
          <p:nvPr/>
        </p:nvGrpSpPr>
        <p:grpSpPr>
          <a:xfrm>
            <a:off x="1986475" y="2053202"/>
            <a:ext cx="4641769" cy="928132"/>
            <a:chOff x="1428661" y="2073674"/>
            <a:chExt cx="4651417" cy="928132"/>
          </a:xfrm>
          <a:solidFill>
            <a:schemeClr val="bg2">
              <a:lumMod val="50000"/>
            </a:schemeClr>
          </a:solidFill>
        </p:grpSpPr>
        <p:sp>
          <p:nvSpPr>
            <p:cNvPr id="69" name="Rectangle 68">
              <a:extLst>
                <a:ext uri="{FF2B5EF4-FFF2-40B4-BE49-F238E27FC236}">
                  <a16:creationId xmlns:a16="http://schemas.microsoft.com/office/drawing/2014/main" id="{103459CD-08B9-41B8-9098-B6C8D487C5FA}"/>
                </a:ext>
              </a:extLst>
            </p:cNvPr>
            <p:cNvSpPr/>
            <p:nvPr/>
          </p:nvSpPr>
          <p:spPr bwMode="auto">
            <a:xfrm>
              <a:off x="1440558" y="2073674"/>
              <a:ext cx="4633482" cy="473073"/>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3" name="Picture 2">
              <a:extLst>
                <a:ext uri="{FF2B5EF4-FFF2-40B4-BE49-F238E27FC236}">
                  <a16:creationId xmlns:a16="http://schemas.microsoft.com/office/drawing/2014/main" id="{5D6CC278-799E-4518-9067-E4B39BD6D793}"/>
                </a:ext>
              </a:extLst>
            </p:cNvPr>
            <p:cNvPicPr>
              <a:picLocks noChangeAspect="1"/>
            </p:cNvPicPr>
            <p:nvPr/>
          </p:nvPicPr>
          <p:blipFill>
            <a:blip r:embed="rId4">
              <a:duotone>
                <a:prstClr val="black"/>
                <a:srgbClr val="D9C3A5">
                  <a:tint val="50000"/>
                  <a:satMod val="180000"/>
                </a:srgbClr>
              </a:duotone>
            </a:blip>
            <a:stretch>
              <a:fillRect/>
            </a:stretch>
          </p:blipFill>
          <p:spPr>
            <a:xfrm>
              <a:off x="1428661" y="2379006"/>
              <a:ext cx="4651417" cy="622800"/>
            </a:xfrm>
            <a:prstGeom prst="rect">
              <a:avLst/>
            </a:prstGeom>
            <a:grpFill/>
          </p:spPr>
        </p:pic>
      </p:grpSp>
      <p:sp>
        <p:nvSpPr>
          <p:cNvPr id="38" name="Rectangle: Rounded Corners 37">
            <a:extLst>
              <a:ext uri="{FF2B5EF4-FFF2-40B4-BE49-F238E27FC236}">
                <a16:creationId xmlns:a16="http://schemas.microsoft.com/office/drawing/2014/main" id="{D192BD82-877D-4236-B3C8-9E9E5D379139}"/>
              </a:ext>
            </a:extLst>
          </p:cNvPr>
          <p:cNvSpPr/>
          <p:nvPr/>
        </p:nvSpPr>
        <p:spPr>
          <a:xfrm>
            <a:off x="4315425" y="2157882"/>
            <a:ext cx="1088404" cy="520801"/>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39" name="Rectangle: Rounded Corners 8">
            <a:extLst>
              <a:ext uri="{FF2B5EF4-FFF2-40B4-BE49-F238E27FC236}">
                <a16:creationId xmlns:a16="http://schemas.microsoft.com/office/drawing/2014/main" id="{C42B4F3D-1D90-4E3C-AAAA-C7DA8BC989EB}"/>
              </a:ext>
            </a:extLst>
          </p:cNvPr>
          <p:cNvSpPr txBox="1"/>
          <p:nvPr/>
        </p:nvSpPr>
        <p:spPr>
          <a:xfrm>
            <a:off x="4337588" y="2183430"/>
            <a:ext cx="1039274" cy="467063"/>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lvl="0" algn="ctr" defTabSz="266700">
              <a:lnSpc>
                <a:spcPct val="90000"/>
              </a:lnSpc>
              <a:spcAft>
                <a:spcPts val="0"/>
              </a:spcAft>
            </a:pPr>
            <a:r>
              <a:rPr lang="en-US" sz="800" dirty="0">
                <a:solidFill>
                  <a:schemeClr val="bg1"/>
                </a:solidFill>
                <a:latin typeface="Comic Sans MS" panose="030F0702030302020204" pitchFamily="66" charset="0"/>
                <a:cs typeface="Arial"/>
              </a:rPr>
              <a:t>Curated Foundational Layer</a:t>
            </a:r>
          </a:p>
          <a:p>
            <a:pPr lvl="0" algn="ctr" defTabSz="266700">
              <a:lnSpc>
                <a:spcPct val="90000"/>
              </a:lnSpc>
              <a:spcAft>
                <a:spcPts val="0"/>
              </a:spcAft>
            </a:pPr>
            <a:r>
              <a:rPr lang="en-US" sz="800" dirty="0">
                <a:solidFill>
                  <a:schemeClr val="bg1"/>
                </a:solidFill>
                <a:latin typeface="Comic Sans MS" panose="030F0702030302020204" pitchFamily="66" charset="0"/>
                <a:cs typeface="Arial"/>
              </a:rPr>
              <a:t>(DWH)</a:t>
            </a:r>
          </a:p>
        </p:txBody>
      </p:sp>
      <p:sp>
        <p:nvSpPr>
          <p:cNvPr id="40" name="Rectangle: Rounded Corners 8">
            <a:extLst>
              <a:ext uri="{FF2B5EF4-FFF2-40B4-BE49-F238E27FC236}">
                <a16:creationId xmlns:a16="http://schemas.microsoft.com/office/drawing/2014/main" id="{DD20F829-EF94-4DB9-856F-17F6FE36DB7A}"/>
              </a:ext>
            </a:extLst>
          </p:cNvPr>
          <p:cNvSpPr txBox="1"/>
          <p:nvPr/>
        </p:nvSpPr>
        <p:spPr>
          <a:xfrm>
            <a:off x="3885615" y="4213440"/>
            <a:ext cx="844490"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41" name="Rectangle: Rounded Corners 8">
            <a:extLst>
              <a:ext uri="{FF2B5EF4-FFF2-40B4-BE49-F238E27FC236}">
                <a16:creationId xmlns:a16="http://schemas.microsoft.com/office/drawing/2014/main" id="{D045A9FA-FA61-40FD-B0C7-7D634C495902}"/>
              </a:ext>
            </a:extLst>
          </p:cNvPr>
          <p:cNvSpPr txBox="1"/>
          <p:nvPr/>
        </p:nvSpPr>
        <p:spPr>
          <a:xfrm>
            <a:off x="5979713" y="4213440"/>
            <a:ext cx="645743"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Protection</a:t>
            </a:r>
          </a:p>
        </p:txBody>
      </p:sp>
      <p:sp>
        <p:nvSpPr>
          <p:cNvPr id="42" name="Rectangle: Rounded Corners 8">
            <a:extLst>
              <a:ext uri="{FF2B5EF4-FFF2-40B4-BE49-F238E27FC236}">
                <a16:creationId xmlns:a16="http://schemas.microsoft.com/office/drawing/2014/main" id="{D226B08F-880D-4D66-BBC5-B00E6AC5238B}"/>
              </a:ext>
            </a:extLst>
          </p:cNvPr>
          <p:cNvSpPr txBox="1"/>
          <p:nvPr/>
        </p:nvSpPr>
        <p:spPr>
          <a:xfrm>
            <a:off x="5387304" y="4213440"/>
            <a:ext cx="593711"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D/R</a:t>
            </a:r>
          </a:p>
        </p:txBody>
      </p:sp>
      <p:sp>
        <p:nvSpPr>
          <p:cNvPr id="43" name="Rectangle: Rounded Corners 8">
            <a:extLst>
              <a:ext uri="{FF2B5EF4-FFF2-40B4-BE49-F238E27FC236}">
                <a16:creationId xmlns:a16="http://schemas.microsoft.com/office/drawing/2014/main" id="{CBCE5E77-7539-4F76-89F3-E9678F29CBF8}"/>
              </a:ext>
            </a:extLst>
          </p:cNvPr>
          <p:cNvSpPr txBox="1"/>
          <p:nvPr/>
        </p:nvSpPr>
        <p:spPr>
          <a:xfrm>
            <a:off x="3018586" y="4213440"/>
            <a:ext cx="868498"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pic>
        <p:nvPicPr>
          <p:cNvPr id="44" name="Graphic 43" descr="Bar graph with upward trend RTL">
            <a:extLst>
              <a:ext uri="{FF2B5EF4-FFF2-40B4-BE49-F238E27FC236}">
                <a16:creationId xmlns:a16="http://schemas.microsoft.com/office/drawing/2014/main" id="{AE04EC79-1732-4F67-853B-0492A8C0956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63850" y="779124"/>
            <a:ext cx="440778" cy="440778"/>
          </a:xfrm>
          <a:prstGeom prst="rect">
            <a:avLst/>
          </a:prstGeom>
        </p:spPr>
      </p:pic>
      <p:pic>
        <p:nvPicPr>
          <p:cNvPr id="7" name="Graphic 6" descr="Playbook">
            <a:extLst>
              <a:ext uri="{FF2B5EF4-FFF2-40B4-BE49-F238E27FC236}">
                <a16:creationId xmlns:a16="http://schemas.microsoft.com/office/drawing/2014/main" id="{665975D9-1F97-4F2E-A345-E55542C088DD}"/>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589504" y="1105581"/>
            <a:ext cx="574000" cy="447948"/>
          </a:xfrm>
          <a:prstGeom prst="rect">
            <a:avLst/>
          </a:prstGeom>
        </p:spPr>
      </p:pic>
      <p:sp>
        <p:nvSpPr>
          <p:cNvPr id="48" name="TextBox 47">
            <a:extLst>
              <a:ext uri="{FF2B5EF4-FFF2-40B4-BE49-F238E27FC236}">
                <a16:creationId xmlns:a16="http://schemas.microsoft.com/office/drawing/2014/main" id="{E900F6BF-3A90-41A3-8633-E329D12062D7}"/>
              </a:ext>
            </a:extLst>
          </p:cNvPr>
          <p:cNvSpPr txBox="1"/>
          <p:nvPr/>
        </p:nvSpPr>
        <p:spPr bwMode="auto">
          <a:xfrm>
            <a:off x="6201805" y="1165370"/>
            <a:ext cx="409981"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BI/Viz</a:t>
            </a:r>
          </a:p>
        </p:txBody>
      </p:sp>
      <p:sp>
        <p:nvSpPr>
          <p:cNvPr id="49" name="TextBox 48">
            <a:extLst>
              <a:ext uri="{FF2B5EF4-FFF2-40B4-BE49-F238E27FC236}">
                <a16:creationId xmlns:a16="http://schemas.microsoft.com/office/drawing/2014/main" id="{4A735CE7-0D54-4367-BBCA-E439B4260A07}"/>
              </a:ext>
            </a:extLst>
          </p:cNvPr>
          <p:cNvSpPr txBox="1"/>
          <p:nvPr/>
        </p:nvSpPr>
        <p:spPr bwMode="auto">
          <a:xfrm>
            <a:off x="2722875" y="1011399"/>
            <a:ext cx="42799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AI/ML</a:t>
            </a:r>
          </a:p>
        </p:txBody>
      </p:sp>
      <p:cxnSp>
        <p:nvCxnSpPr>
          <p:cNvPr id="51" name="Straight Connector 50">
            <a:extLst>
              <a:ext uri="{FF2B5EF4-FFF2-40B4-BE49-F238E27FC236}">
                <a16:creationId xmlns:a16="http://schemas.microsoft.com/office/drawing/2014/main" id="{A566F2F6-3D31-4450-9FFB-783ABEDFF061}"/>
              </a:ext>
            </a:extLst>
          </p:cNvPr>
          <p:cNvCxnSpPr/>
          <p:nvPr/>
        </p:nvCxnSpPr>
        <p:spPr bwMode="auto">
          <a:xfrm>
            <a:off x="1987688" y="3508840"/>
            <a:ext cx="4637769" cy="20421"/>
          </a:xfrm>
          <a:prstGeom prst="line">
            <a:avLst/>
          </a:prstGeom>
          <a:solidFill>
            <a:schemeClr val="accent1"/>
          </a:solidFill>
          <a:ln w="44450" cap="flat" cmpd="sng" algn="ctr">
            <a:solidFill>
              <a:srgbClr val="55555A"/>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2" name="Rectangle 51">
            <a:extLst>
              <a:ext uri="{FF2B5EF4-FFF2-40B4-BE49-F238E27FC236}">
                <a16:creationId xmlns:a16="http://schemas.microsoft.com/office/drawing/2014/main" id="{3A7A74E2-FE6F-4FF5-B959-E245DBE5168A}"/>
              </a:ext>
            </a:extLst>
          </p:cNvPr>
          <p:cNvSpPr/>
          <p:nvPr/>
        </p:nvSpPr>
        <p:spPr bwMode="auto">
          <a:xfrm>
            <a:off x="3371096" y="3496613"/>
            <a:ext cx="3254894" cy="150114"/>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53" name="TextBox 52">
            <a:extLst>
              <a:ext uri="{FF2B5EF4-FFF2-40B4-BE49-F238E27FC236}">
                <a16:creationId xmlns:a16="http://schemas.microsoft.com/office/drawing/2014/main" id="{D7447363-B66B-4982-85C0-22EAEA9112BF}"/>
              </a:ext>
            </a:extLst>
          </p:cNvPr>
          <p:cNvSpPr txBox="1"/>
          <p:nvPr/>
        </p:nvSpPr>
        <p:spPr bwMode="auto">
          <a:xfrm>
            <a:off x="3364793" y="1091940"/>
            <a:ext cx="29562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Ops</a:t>
            </a:r>
          </a:p>
        </p:txBody>
      </p:sp>
      <p:pic>
        <p:nvPicPr>
          <p:cNvPr id="57" name="Graphic 56" descr="Network">
            <a:extLst>
              <a:ext uri="{FF2B5EF4-FFF2-40B4-BE49-F238E27FC236}">
                <a16:creationId xmlns:a16="http://schemas.microsoft.com/office/drawing/2014/main" id="{39D4EC96-34DD-43E2-B0F0-BDD60A03272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309208" y="777110"/>
            <a:ext cx="360781" cy="381647"/>
          </a:xfrm>
          <a:prstGeom prst="rect">
            <a:avLst/>
          </a:prstGeom>
        </p:spPr>
      </p:pic>
      <p:grpSp>
        <p:nvGrpSpPr>
          <p:cNvPr id="65" name="Group 64">
            <a:extLst>
              <a:ext uri="{FF2B5EF4-FFF2-40B4-BE49-F238E27FC236}">
                <a16:creationId xmlns:a16="http://schemas.microsoft.com/office/drawing/2014/main" id="{43CCD1B2-66E8-4AC9-A96F-56EFAB93819C}"/>
              </a:ext>
            </a:extLst>
          </p:cNvPr>
          <p:cNvGrpSpPr/>
          <p:nvPr/>
        </p:nvGrpSpPr>
        <p:grpSpPr>
          <a:xfrm>
            <a:off x="4664519" y="759047"/>
            <a:ext cx="462453" cy="365119"/>
            <a:chOff x="4182220" y="1357069"/>
            <a:chExt cx="471760" cy="471760"/>
          </a:xfrm>
          <a:solidFill>
            <a:srgbClr val="575A93"/>
          </a:solidFill>
        </p:grpSpPr>
        <p:pic>
          <p:nvPicPr>
            <p:cNvPr id="61" name="Graphic 60" descr="Statistics">
              <a:extLst>
                <a:ext uri="{FF2B5EF4-FFF2-40B4-BE49-F238E27FC236}">
                  <a16:creationId xmlns:a16="http://schemas.microsoft.com/office/drawing/2014/main" id="{D2403475-2E21-46BD-86A5-69DBE13D768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82220" y="1357069"/>
              <a:ext cx="471760" cy="471760"/>
            </a:xfrm>
            <a:prstGeom prst="rect">
              <a:avLst/>
            </a:prstGeom>
          </p:spPr>
        </p:pic>
        <p:pic>
          <p:nvPicPr>
            <p:cNvPr id="63" name="Graphic 62" descr="Lighthouse scene">
              <a:extLst>
                <a:ext uri="{FF2B5EF4-FFF2-40B4-BE49-F238E27FC236}">
                  <a16:creationId xmlns:a16="http://schemas.microsoft.com/office/drawing/2014/main" id="{9ABAC006-F031-41A7-97B1-2D87B1EBE18C}"/>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17904" y="1564028"/>
              <a:ext cx="214567" cy="176538"/>
            </a:xfrm>
            <a:prstGeom prst="rect">
              <a:avLst/>
            </a:prstGeom>
          </p:spPr>
        </p:pic>
      </p:grpSp>
      <p:sp>
        <p:nvSpPr>
          <p:cNvPr id="64" name="TextBox 63">
            <a:extLst>
              <a:ext uri="{FF2B5EF4-FFF2-40B4-BE49-F238E27FC236}">
                <a16:creationId xmlns:a16="http://schemas.microsoft.com/office/drawing/2014/main" id="{7EE5FBB4-1375-443A-9EC8-9FC8D4227875}"/>
              </a:ext>
            </a:extLst>
          </p:cNvPr>
          <p:cNvSpPr txBox="1"/>
          <p:nvPr/>
        </p:nvSpPr>
        <p:spPr bwMode="auto">
          <a:xfrm>
            <a:off x="4706583" y="1084877"/>
            <a:ext cx="44995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kern="0">
                <a:solidFill>
                  <a:schemeClr val="tx1"/>
                </a:solidFill>
                <a:latin typeface="+mn-lt"/>
                <a:ea typeface="+mn-ea"/>
              </a:rPr>
              <a:t>Streaming</a:t>
            </a:r>
          </a:p>
          <a:p>
            <a:pPr algn="l">
              <a:spcAft>
                <a:spcPts val="0"/>
              </a:spcAft>
              <a:buClr>
                <a:schemeClr val="tx1"/>
              </a:buClr>
            </a:pPr>
            <a:r>
              <a:rPr lang="en-US" sz="700" b="0">
                <a:solidFill>
                  <a:schemeClr val="tx1"/>
                </a:solidFill>
              </a:rPr>
              <a:t>Analytics</a:t>
            </a:r>
            <a:endParaRPr lang="en-US" sz="700" b="0" kern="0">
              <a:solidFill>
                <a:schemeClr val="tx1"/>
              </a:solidFill>
              <a:latin typeface="+mn-lt"/>
              <a:ea typeface="+mn-ea"/>
            </a:endParaRPr>
          </a:p>
        </p:txBody>
      </p:sp>
      <p:sp>
        <p:nvSpPr>
          <p:cNvPr id="66" name="TextBox 65">
            <a:extLst>
              <a:ext uri="{FF2B5EF4-FFF2-40B4-BE49-F238E27FC236}">
                <a16:creationId xmlns:a16="http://schemas.microsoft.com/office/drawing/2014/main" id="{2D91F5F0-4AEA-4E59-B389-E66A99030FC9}"/>
              </a:ext>
            </a:extLst>
          </p:cNvPr>
          <p:cNvSpPr txBox="1"/>
          <p:nvPr/>
        </p:nvSpPr>
        <p:spPr bwMode="auto">
          <a:xfrm>
            <a:off x="3957160" y="988726"/>
            <a:ext cx="385191" cy="2189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0"/>
              </a:spcAft>
              <a:buClr>
                <a:schemeClr val="tx1"/>
              </a:buClr>
            </a:pPr>
            <a:r>
              <a:rPr lang="en-US" sz="700" kern="0">
                <a:solidFill>
                  <a:schemeClr val="tx1"/>
                </a:solidFill>
                <a:latin typeface="+mn-lt"/>
                <a:ea typeface="+mn-ea"/>
              </a:rPr>
              <a:t>Data </a:t>
            </a:r>
          </a:p>
          <a:p>
            <a:pPr algn="ctr">
              <a:spcAft>
                <a:spcPts val="0"/>
              </a:spcAft>
              <a:buClr>
                <a:schemeClr val="tx1"/>
              </a:buClr>
            </a:pPr>
            <a:r>
              <a:rPr lang="en-US" sz="700">
                <a:solidFill>
                  <a:schemeClr val="tx1"/>
                </a:solidFill>
              </a:rPr>
              <a:t>Science</a:t>
            </a:r>
            <a:endParaRPr lang="en-US" sz="700" kern="0">
              <a:solidFill>
                <a:schemeClr val="tx1"/>
              </a:solidFill>
              <a:latin typeface="+mn-lt"/>
              <a:ea typeface="+mn-ea"/>
            </a:endParaRPr>
          </a:p>
        </p:txBody>
      </p:sp>
      <p:pic>
        <p:nvPicPr>
          <p:cNvPr id="68" name="Graphic 67" descr="Internet">
            <a:extLst>
              <a:ext uri="{FF2B5EF4-FFF2-40B4-BE49-F238E27FC236}">
                <a16:creationId xmlns:a16="http://schemas.microsoft.com/office/drawing/2014/main" id="{FFEBF4F3-10B3-4189-9DD5-3FFC0EF1F83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5386762" y="1107774"/>
            <a:ext cx="422968" cy="422968"/>
          </a:xfrm>
          <a:prstGeom prst="rect">
            <a:avLst/>
          </a:prstGeom>
        </p:spPr>
      </p:pic>
      <p:sp>
        <p:nvSpPr>
          <p:cNvPr id="70" name="Rectangle 69">
            <a:extLst>
              <a:ext uri="{FF2B5EF4-FFF2-40B4-BE49-F238E27FC236}">
                <a16:creationId xmlns:a16="http://schemas.microsoft.com/office/drawing/2014/main" id="{CCD4941A-68A4-41B3-A90D-61F0AC841C9B}"/>
              </a:ext>
            </a:extLst>
          </p:cNvPr>
          <p:cNvSpPr/>
          <p:nvPr/>
        </p:nvSpPr>
        <p:spPr bwMode="auto">
          <a:xfrm rot="10800000" flipV="1">
            <a:off x="1988222" y="3297998"/>
            <a:ext cx="4627372" cy="173755"/>
          </a:xfrm>
          <a:prstGeom prst="rect">
            <a:avLst/>
          </a:prstGeom>
          <a:solidFill>
            <a:srgbClr val="00148C">
              <a:alpha val="86000"/>
            </a:srgb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800" dirty="0">
                <a:solidFill>
                  <a:schemeClr val="bg1"/>
                </a:solidFill>
                <a:latin typeface="+mn-lt"/>
                <a:cs typeface="Arial"/>
              </a:rPr>
              <a:t>Data Ingest: Batch Pipeline, CDC, Streams, Triggers</a:t>
            </a:r>
          </a:p>
        </p:txBody>
      </p:sp>
      <p:cxnSp>
        <p:nvCxnSpPr>
          <p:cNvPr id="73" name="Straight Arrow Connector 72">
            <a:extLst>
              <a:ext uri="{FF2B5EF4-FFF2-40B4-BE49-F238E27FC236}">
                <a16:creationId xmlns:a16="http://schemas.microsoft.com/office/drawing/2014/main" id="{8A3CDD63-452D-4C47-844D-DC590AF3B744}"/>
              </a:ext>
            </a:extLst>
          </p:cNvPr>
          <p:cNvCxnSpPr>
            <a:cxnSpLocks/>
          </p:cNvCxnSpPr>
          <p:nvPr/>
        </p:nvCxnSpPr>
        <p:spPr bwMode="auto">
          <a:xfrm flipH="1" flipV="1">
            <a:off x="4311502" y="2981628"/>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xtBox 75">
            <a:extLst>
              <a:ext uri="{FF2B5EF4-FFF2-40B4-BE49-F238E27FC236}">
                <a16:creationId xmlns:a16="http://schemas.microsoft.com/office/drawing/2014/main" id="{076D8741-D701-4959-8D4F-FE009F3E30F8}"/>
              </a:ext>
            </a:extLst>
          </p:cNvPr>
          <p:cNvSpPr txBox="1"/>
          <p:nvPr/>
        </p:nvSpPr>
        <p:spPr bwMode="auto">
          <a:xfrm>
            <a:off x="2516802" y="3167002"/>
            <a:ext cx="3365350"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900" b="0" kern="0" dirty="0">
                <a:solidFill>
                  <a:schemeClr val="tx1"/>
                </a:solidFill>
                <a:latin typeface="+mn-lt"/>
                <a:ea typeface="+mn-ea"/>
              </a:rPr>
              <a:t>Structured, semi-structured   and unstructured Data</a:t>
            </a:r>
          </a:p>
        </p:txBody>
      </p:sp>
      <p:sp>
        <p:nvSpPr>
          <p:cNvPr id="80" name="TextBox 79">
            <a:extLst>
              <a:ext uri="{FF2B5EF4-FFF2-40B4-BE49-F238E27FC236}">
                <a16:creationId xmlns:a16="http://schemas.microsoft.com/office/drawing/2014/main" id="{C06026EC-BDB8-4682-AB08-069D4A3A7069}"/>
              </a:ext>
            </a:extLst>
          </p:cNvPr>
          <p:cNvSpPr txBox="1"/>
          <p:nvPr/>
        </p:nvSpPr>
        <p:spPr bwMode="auto">
          <a:xfrm>
            <a:off x="3785304" y="3634843"/>
            <a:ext cx="446466"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OLTP</a:t>
            </a:r>
          </a:p>
        </p:txBody>
      </p:sp>
      <p:sp>
        <p:nvSpPr>
          <p:cNvPr id="81" name="TextBox 80">
            <a:extLst>
              <a:ext uri="{FF2B5EF4-FFF2-40B4-BE49-F238E27FC236}">
                <a16:creationId xmlns:a16="http://schemas.microsoft.com/office/drawing/2014/main" id="{356BD885-7791-4F7D-9360-6AC9E69CEC07}"/>
              </a:ext>
            </a:extLst>
          </p:cNvPr>
          <p:cNvSpPr txBox="1"/>
          <p:nvPr/>
        </p:nvSpPr>
        <p:spPr bwMode="auto">
          <a:xfrm>
            <a:off x="2984490" y="3643513"/>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IoT</a:t>
            </a:r>
            <a:endParaRPr lang="en-US" sz="1000" b="0" i="1" kern="0">
              <a:solidFill>
                <a:schemeClr val="bg1"/>
              </a:solidFill>
              <a:latin typeface="Comic Sans MS" panose="030F0702030302020204" pitchFamily="66" charset="0"/>
            </a:endParaRPr>
          </a:p>
        </p:txBody>
      </p:sp>
      <p:sp>
        <p:nvSpPr>
          <p:cNvPr id="82" name="TextBox 81">
            <a:extLst>
              <a:ext uri="{FF2B5EF4-FFF2-40B4-BE49-F238E27FC236}">
                <a16:creationId xmlns:a16="http://schemas.microsoft.com/office/drawing/2014/main" id="{96840A38-C6E5-42F8-BDDD-06A8F258243F}"/>
              </a:ext>
            </a:extLst>
          </p:cNvPr>
          <p:cNvSpPr txBox="1"/>
          <p:nvPr/>
        </p:nvSpPr>
        <p:spPr bwMode="auto">
          <a:xfrm>
            <a:off x="2617234" y="3803310"/>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APIs</a:t>
            </a:r>
          </a:p>
        </p:txBody>
      </p:sp>
      <p:sp>
        <p:nvSpPr>
          <p:cNvPr id="84" name="TextBox 83">
            <a:extLst>
              <a:ext uri="{FF2B5EF4-FFF2-40B4-BE49-F238E27FC236}">
                <a16:creationId xmlns:a16="http://schemas.microsoft.com/office/drawing/2014/main" id="{CC8A8C34-4010-40FA-BA1D-8E89B0200C88}"/>
              </a:ext>
            </a:extLst>
          </p:cNvPr>
          <p:cNvSpPr txBox="1"/>
          <p:nvPr/>
        </p:nvSpPr>
        <p:spPr bwMode="auto">
          <a:xfrm>
            <a:off x="3309153" y="3777837"/>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Logs</a:t>
            </a:r>
          </a:p>
        </p:txBody>
      </p:sp>
      <p:sp>
        <p:nvSpPr>
          <p:cNvPr id="85" name="TextBox 84">
            <a:extLst>
              <a:ext uri="{FF2B5EF4-FFF2-40B4-BE49-F238E27FC236}">
                <a16:creationId xmlns:a16="http://schemas.microsoft.com/office/drawing/2014/main" id="{37E577FD-E77A-409D-85EC-9562A4F50AA1}"/>
              </a:ext>
            </a:extLst>
          </p:cNvPr>
          <p:cNvSpPr txBox="1"/>
          <p:nvPr/>
        </p:nvSpPr>
        <p:spPr bwMode="auto">
          <a:xfrm>
            <a:off x="2650923" y="4047532"/>
            <a:ext cx="2617459"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i="1">
                <a:solidFill>
                  <a:schemeClr val="bg1"/>
                </a:solidFill>
                <a:latin typeface="Comic Sans MS" panose="030F0702030302020204" pitchFamily="66" charset="0"/>
              </a:rPr>
              <a:t>SAP, Salesforce, Service Now, Maximo, other </a:t>
            </a:r>
            <a:endParaRPr lang="en-US" sz="800" b="0" i="1" kern="0">
              <a:solidFill>
                <a:schemeClr val="bg1"/>
              </a:solidFill>
              <a:latin typeface="Comic Sans MS" panose="030F0702030302020204" pitchFamily="66" charset="0"/>
            </a:endParaRPr>
          </a:p>
        </p:txBody>
      </p:sp>
      <p:sp>
        <p:nvSpPr>
          <p:cNvPr id="86" name="TextBox 85">
            <a:extLst>
              <a:ext uri="{FF2B5EF4-FFF2-40B4-BE49-F238E27FC236}">
                <a16:creationId xmlns:a16="http://schemas.microsoft.com/office/drawing/2014/main" id="{C50B3D68-677B-462E-968A-E3994EABDA18}"/>
              </a:ext>
            </a:extLst>
          </p:cNvPr>
          <p:cNvSpPr txBox="1"/>
          <p:nvPr/>
        </p:nvSpPr>
        <p:spPr bwMode="auto">
          <a:xfrm>
            <a:off x="5869211" y="3784652"/>
            <a:ext cx="62722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1000" b="0" i="1" dirty="0">
                <a:solidFill>
                  <a:schemeClr val="bg1"/>
                </a:solidFill>
                <a:latin typeface="Comic Sans MS" panose="030F0702030302020204" pitchFamily="66" charset="0"/>
              </a:rPr>
              <a:t>3rd Party</a:t>
            </a:r>
          </a:p>
        </p:txBody>
      </p:sp>
      <p:cxnSp>
        <p:nvCxnSpPr>
          <p:cNvPr id="87" name="Straight Arrow Connector 86">
            <a:extLst>
              <a:ext uri="{FF2B5EF4-FFF2-40B4-BE49-F238E27FC236}">
                <a16:creationId xmlns:a16="http://schemas.microsoft.com/office/drawing/2014/main" id="{FC66FFA4-C409-4B1C-99B1-41EAB22D480A}"/>
              </a:ext>
            </a:extLst>
          </p:cNvPr>
          <p:cNvCxnSpPr/>
          <p:nvPr/>
        </p:nvCxnSpPr>
        <p:spPr bwMode="auto">
          <a:xfrm flipV="1">
            <a:off x="4894304" y="1304299"/>
            <a:ext cx="0" cy="48821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8" name="Straight Arrow Connector 87">
            <a:extLst>
              <a:ext uri="{FF2B5EF4-FFF2-40B4-BE49-F238E27FC236}">
                <a16:creationId xmlns:a16="http://schemas.microsoft.com/office/drawing/2014/main" id="{8A57EAE8-ED45-4F3E-B043-83234462FDCD}"/>
              </a:ext>
            </a:extLst>
          </p:cNvPr>
          <p:cNvCxnSpPr/>
          <p:nvPr/>
        </p:nvCxnSpPr>
        <p:spPr bwMode="auto">
          <a:xfrm flipH="1" flipV="1">
            <a:off x="2259081" y="1279239"/>
            <a:ext cx="9322" cy="51327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Straight Arrow Connector 88">
            <a:extLst>
              <a:ext uri="{FF2B5EF4-FFF2-40B4-BE49-F238E27FC236}">
                <a16:creationId xmlns:a16="http://schemas.microsoft.com/office/drawing/2014/main" id="{29E09097-635F-4670-B115-49F9F9467FC2}"/>
              </a:ext>
            </a:extLst>
          </p:cNvPr>
          <p:cNvCxnSpPr/>
          <p:nvPr/>
        </p:nvCxnSpPr>
        <p:spPr bwMode="auto">
          <a:xfrm flipV="1">
            <a:off x="3485312" y="1279239"/>
            <a:ext cx="0" cy="484029"/>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Straight Arrow Connector 89">
            <a:extLst>
              <a:ext uri="{FF2B5EF4-FFF2-40B4-BE49-F238E27FC236}">
                <a16:creationId xmlns:a16="http://schemas.microsoft.com/office/drawing/2014/main" id="{1DC39EB4-9F72-467A-87BA-40E3071AA329}"/>
              </a:ext>
            </a:extLst>
          </p:cNvPr>
          <p:cNvCxnSpPr/>
          <p:nvPr/>
        </p:nvCxnSpPr>
        <p:spPr bwMode="auto">
          <a:xfrm flipH="1" flipV="1">
            <a:off x="2872035" y="152148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6" name="Straight Arrow Connector 95">
            <a:extLst>
              <a:ext uri="{FF2B5EF4-FFF2-40B4-BE49-F238E27FC236}">
                <a16:creationId xmlns:a16="http://schemas.microsoft.com/office/drawing/2014/main" id="{3570B213-D8DE-4602-BAFB-FF4B31BE1156}"/>
              </a:ext>
            </a:extLst>
          </p:cNvPr>
          <p:cNvCxnSpPr/>
          <p:nvPr/>
        </p:nvCxnSpPr>
        <p:spPr bwMode="auto">
          <a:xfrm flipH="1" flipV="1">
            <a:off x="4159329" y="152254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2" name="TextBox 101">
            <a:extLst>
              <a:ext uri="{FF2B5EF4-FFF2-40B4-BE49-F238E27FC236}">
                <a16:creationId xmlns:a16="http://schemas.microsoft.com/office/drawing/2014/main" id="{7D8B904B-87E9-4350-B2B0-601F10656C46}"/>
              </a:ext>
            </a:extLst>
          </p:cNvPr>
          <p:cNvSpPr txBox="1"/>
          <p:nvPr/>
        </p:nvSpPr>
        <p:spPr bwMode="auto">
          <a:xfrm>
            <a:off x="5390952" y="1074962"/>
            <a:ext cx="59541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a:solidFill>
                  <a:schemeClr val="tx1"/>
                </a:solidFill>
                <a:latin typeface="+mn-lt"/>
                <a:ea typeface="+mn-ea"/>
              </a:rPr>
              <a:t>Web/Portal</a:t>
            </a:r>
          </a:p>
        </p:txBody>
      </p:sp>
      <p:sp>
        <p:nvSpPr>
          <p:cNvPr id="110" name="TextBox 109">
            <a:extLst>
              <a:ext uri="{FF2B5EF4-FFF2-40B4-BE49-F238E27FC236}">
                <a16:creationId xmlns:a16="http://schemas.microsoft.com/office/drawing/2014/main" id="{D1A8C937-E92B-4EA2-82CB-6FB4EEDA0003}"/>
              </a:ext>
            </a:extLst>
          </p:cNvPr>
          <p:cNvSpPr txBox="1"/>
          <p:nvPr/>
        </p:nvSpPr>
        <p:spPr bwMode="auto">
          <a:xfrm>
            <a:off x="4204741" y="3746332"/>
            <a:ext cx="105883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800" b="0" i="1">
                <a:solidFill>
                  <a:schemeClr val="bg1"/>
                </a:solidFill>
                <a:latin typeface="Comic Sans MS" panose="030F0702030302020204" pitchFamily="66" charset="0"/>
              </a:rPr>
              <a:t>Social Media</a:t>
            </a:r>
          </a:p>
          <a:p>
            <a:pPr>
              <a:spcAft>
                <a:spcPts val="0"/>
              </a:spcAft>
            </a:pPr>
            <a:r>
              <a:rPr lang="en-US" sz="800" b="0" i="1">
                <a:solidFill>
                  <a:schemeClr val="bg1"/>
                </a:solidFill>
                <a:latin typeface="Comic Sans MS" panose="030F0702030302020204" pitchFamily="66" charset="0"/>
              </a:rPr>
              <a:t> &amp; Sentiment Data</a:t>
            </a:r>
          </a:p>
        </p:txBody>
      </p:sp>
      <p:sp>
        <p:nvSpPr>
          <p:cNvPr id="113" name="Rectangle: Rounded Corners 8">
            <a:extLst>
              <a:ext uri="{FF2B5EF4-FFF2-40B4-BE49-F238E27FC236}">
                <a16:creationId xmlns:a16="http://schemas.microsoft.com/office/drawing/2014/main" id="{A0046A96-FFF4-42BF-8037-F39C1856F9D6}"/>
              </a:ext>
            </a:extLst>
          </p:cNvPr>
          <p:cNvSpPr txBox="1"/>
          <p:nvPr/>
        </p:nvSpPr>
        <p:spPr>
          <a:xfrm>
            <a:off x="4730711" y="4213440"/>
            <a:ext cx="655909"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Archival</a:t>
            </a:r>
          </a:p>
        </p:txBody>
      </p:sp>
      <p:grpSp>
        <p:nvGrpSpPr>
          <p:cNvPr id="118" name="Group 117">
            <a:extLst>
              <a:ext uri="{FF2B5EF4-FFF2-40B4-BE49-F238E27FC236}">
                <a16:creationId xmlns:a16="http://schemas.microsoft.com/office/drawing/2014/main" id="{0501577D-30C4-48F3-B535-D29DA3FE2B6F}"/>
              </a:ext>
            </a:extLst>
          </p:cNvPr>
          <p:cNvGrpSpPr/>
          <p:nvPr/>
        </p:nvGrpSpPr>
        <p:grpSpPr>
          <a:xfrm>
            <a:off x="5464853" y="2168176"/>
            <a:ext cx="1088404" cy="520801"/>
            <a:chOff x="6235317" y="1322674"/>
            <a:chExt cx="647373" cy="404608"/>
          </a:xfrm>
          <a:solidFill>
            <a:schemeClr val="accent4"/>
          </a:solidFill>
        </p:grpSpPr>
        <p:sp>
          <p:nvSpPr>
            <p:cNvPr id="119" name="Rectangle: Rounded Corners 118">
              <a:extLst>
                <a:ext uri="{FF2B5EF4-FFF2-40B4-BE49-F238E27FC236}">
                  <a16:creationId xmlns:a16="http://schemas.microsoft.com/office/drawing/2014/main" id="{6420B4AB-6099-4330-8FEF-7C9DE152F110}"/>
                </a:ext>
              </a:extLst>
            </p:cNvPr>
            <p:cNvSpPr/>
            <p:nvPr/>
          </p:nvSpPr>
          <p:spPr>
            <a:xfrm>
              <a:off x="6235317" y="1322674"/>
              <a:ext cx="647373" cy="404608"/>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120" name="Rectangle: Rounded Corners 8">
              <a:extLst>
                <a:ext uri="{FF2B5EF4-FFF2-40B4-BE49-F238E27FC236}">
                  <a16:creationId xmlns:a16="http://schemas.microsoft.com/office/drawing/2014/main" id="{1AB04D0D-7EE7-4968-A748-07FBC026B6EC}"/>
                </a:ext>
              </a:extLst>
            </p:cNvPr>
            <p:cNvSpPr txBox="1"/>
            <p:nvPr/>
          </p:nvSpPr>
          <p:spPr>
            <a:xfrm>
              <a:off x="6247168" y="1334525"/>
              <a:ext cx="623671" cy="380906"/>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algn="ctr" defTabSz="266700">
                <a:lnSpc>
                  <a:spcPct val="90000"/>
                </a:lnSpc>
                <a:spcAft>
                  <a:spcPts val="0"/>
                </a:spcAft>
              </a:pPr>
              <a:r>
                <a:rPr lang="en-US" sz="800" dirty="0">
                  <a:solidFill>
                    <a:schemeClr val="bg1"/>
                  </a:solidFill>
                  <a:latin typeface="Comic Sans MS" panose="030F0702030302020204" pitchFamily="66" charset="0"/>
                  <a:cs typeface="Arial"/>
                </a:rPr>
                <a:t>Aggregated Data Layer</a:t>
              </a:r>
            </a:p>
            <a:p>
              <a:pPr algn="ctr" defTabSz="266700">
                <a:lnSpc>
                  <a:spcPct val="90000"/>
                </a:lnSpc>
                <a:spcAft>
                  <a:spcPts val="0"/>
                </a:spcAft>
              </a:pPr>
              <a:r>
                <a:rPr lang="en-US" sz="800" dirty="0">
                  <a:solidFill>
                    <a:schemeClr val="bg1"/>
                  </a:solidFill>
                  <a:latin typeface="Comic Sans MS" panose="030F0702030302020204" pitchFamily="66" charset="0"/>
                  <a:cs typeface="Arial"/>
                </a:rPr>
                <a:t>(DM)</a:t>
              </a:r>
            </a:p>
          </p:txBody>
        </p:sp>
      </p:grpSp>
      <p:grpSp>
        <p:nvGrpSpPr>
          <p:cNvPr id="122" name="Group 121">
            <a:extLst>
              <a:ext uri="{FF2B5EF4-FFF2-40B4-BE49-F238E27FC236}">
                <a16:creationId xmlns:a16="http://schemas.microsoft.com/office/drawing/2014/main" id="{2E749681-3E70-4914-A7AC-23B4755071BC}"/>
              </a:ext>
            </a:extLst>
          </p:cNvPr>
          <p:cNvGrpSpPr/>
          <p:nvPr/>
        </p:nvGrpSpPr>
        <p:grpSpPr>
          <a:xfrm>
            <a:off x="2035597" y="2144947"/>
            <a:ext cx="1088404"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3" name="Rectangle: Rounded Corners 122">
              <a:extLst>
                <a:ext uri="{FF2B5EF4-FFF2-40B4-BE49-F238E27FC236}">
                  <a16:creationId xmlns:a16="http://schemas.microsoft.com/office/drawing/2014/main" id="{732236A4-C39A-419C-A5B7-8706F08A403E}"/>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rgbClr val="7981E3"/>
              </a:solidFill>
              <a:prstDash val="solid"/>
              <a:round/>
              <a:headEnd type="none" w="med" len="med"/>
              <a:tailEnd type="none" w="med" len="med"/>
            </a:ln>
            <a:effectLst>
              <a:softEdge rad="25400"/>
            </a:effectLst>
          </p:spPr>
        </p:sp>
        <p:sp>
          <p:nvSpPr>
            <p:cNvPr id="124" name="Rectangle: Rounded Corners 8">
              <a:extLst>
                <a:ext uri="{FF2B5EF4-FFF2-40B4-BE49-F238E27FC236}">
                  <a16:creationId xmlns:a16="http://schemas.microsoft.com/office/drawing/2014/main" id="{94BBE351-FD8E-462E-92E7-1EE49EEE09AA}"/>
                </a:ext>
              </a:extLst>
            </p:cNvPr>
            <p:cNvSpPr txBox="1"/>
            <p:nvPr/>
          </p:nvSpPr>
          <p:spPr>
            <a:xfrm>
              <a:off x="6247168" y="1334525"/>
              <a:ext cx="623671" cy="380906"/>
            </a:xfrm>
            <a:prstGeom prst="rect">
              <a:avLst/>
            </a:prstGeom>
            <a:solidFill>
              <a:srgbClr val="00148C"/>
            </a:solidFill>
            <a:ln w="28575" cap="flat" cmpd="sng" algn="ctr">
              <a:solidFill>
                <a:srgbClr val="7981E3"/>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8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dirty="0"/>
                <a:t>Data Lake / Raw</a:t>
              </a:r>
            </a:p>
            <a:p>
              <a:pPr>
                <a:spcAft>
                  <a:spcPts val="0"/>
                </a:spcAft>
              </a:pPr>
              <a:r>
                <a:rPr lang="en-US" dirty="0"/>
                <a:t>(Landing)</a:t>
              </a:r>
            </a:p>
          </p:txBody>
        </p:sp>
      </p:grpSp>
      <p:grpSp>
        <p:nvGrpSpPr>
          <p:cNvPr id="125" name="Group 124">
            <a:extLst>
              <a:ext uri="{FF2B5EF4-FFF2-40B4-BE49-F238E27FC236}">
                <a16:creationId xmlns:a16="http://schemas.microsoft.com/office/drawing/2014/main" id="{87B0F86A-8C8A-4941-BB58-D9C4B4859A67}"/>
              </a:ext>
            </a:extLst>
          </p:cNvPr>
          <p:cNvGrpSpPr/>
          <p:nvPr/>
        </p:nvGrpSpPr>
        <p:grpSpPr>
          <a:xfrm>
            <a:off x="3165996" y="2152921"/>
            <a:ext cx="1088405"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6" name="Rectangle: Rounded Corners 125">
              <a:extLst>
                <a:ext uri="{FF2B5EF4-FFF2-40B4-BE49-F238E27FC236}">
                  <a16:creationId xmlns:a16="http://schemas.microsoft.com/office/drawing/2014/main" id="{F573ADDC-1C52-4012-9D28-0C1BC254B213}"/>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sp>
        <p:sp>
          <p:nvSpPr>
            <p:cNvPr id="127" name="Rectangle: Rounded Corners 8">
              <a:extLst>
                <a:ext uri="{FF2B5EF4-FFF2-40B4-BE49-F238E27FC236}">
                  <a16:creationId xmlns:a16="http://schemas.microsoft.com/office/drawing/2014/main" id="{6C00FD71-1FA5-424B-ABDC-23EF7C3198DB}"/>
                </a:ext>
              </a:extLst>
            </p:cNvPr>
            <p:cNvSpPr txBox="1"/>
            <p:nvPr/>
          </p:nvSpPr>
          <p:spPr>
            <a:xfrm>
              <a:off x="6247162" y="1334525"/>
              <a:ext cx="623671" cy="380906"/>
            </a:xfrm>
            <a:prstGeom prst="rect">
              <a:avLst/>
            </a:prstGeom>
            <a:solidFill>
              <a:srgbClr val="00148C"/>
            </a:solidFill>
            <a:ln w="28575" cap="flat" cmpd="sng" algn="ctr">
              <a:solidFill>
                <a:schemeClr val="accent1"/>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9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800" dirty="0"/>
                <a:t>Cached Transactional</a:t>
              </a:r>
            </a:p>
            <a:p>
              <a:pPr>
                <a:spcAft>
                  <a:spcPts val="0"/>
                </a:spcAft>
              </a:pPr>
              <a:r>
                <a:rPr lang="en-US" sz="800" dirty="0"/>
                <a:t>(ODS, Ops)</a:t>
              </a:r>
            </a:p>
          </p:txBody>
        </p:sp>
      </p:grpSp>
      <p:pic>
        <p:nvPicPr>
          <p:cNvPr id="143" name="Graphic 142" descr="Scientist">
            <a:extLst>
              <a:ext uri="{FF2B5EF4-FFF2-40B4-BE49-F238E27FC236}">
                <a16:creationId xmlns:a16="http://schemas.microsoft.com/office/drawing/2014/main" id="{9D810190-2935-4A2C-B0CD-D9E3ED72057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3958893" y="1158757"/>
            <a:ext cx="403202" cy="403202"/>
          </a:xfrm>
          <a:prstGeom prst="rect">
            <a:avLst/>
          </a:prstGeom>
        </p:spPr>
      </p:pic>
      <p:sp>
        <p:nvSpPr>
          <p:cNvPr id="144" name="TextBox 143">
            <a:extLst>
              <a:ext uri="{FF2B5EF4-FFF2-40B4-BE49-F238E27FC236}">
                <a16:creationId xmlns:a16="http://schemas.microsoft.com/office/drawing/2014/main" id="{5058B72B-3D15-462D-9509-0B6E74C57F43}"/>
              </a:ext>
            </a:extLst>
          </p:cNvPr>
          <p:cNvSpPr txBox="1"/>
          <p:nvPr/>
        </p:nvSpPr>
        <p:spPr bwMode="auto">
          <a:xfrm>
            <a:off x="5081150" y="3631994"/>
            <a:ext cx="73397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Mainframe</a:t>
            </a:r>
            <a:endParaRPr lang="en-US" sz="1000" b="0" i="1" kern="0">
              <a:solidFill>
                <a:schemeClr val="bg1"/>
              </a:solidFill>
              <a:latin typeface="Comic Sans MS" panose="030F0702030302020204" pitchFamily="66" charset="0"/>
            </a:endParaRPr>
          </a:p>
        </p:txBody>
      </p:sp>
      <p:sp>
        <p:nvSpPr>
          <p:cNvPr id="150" name="TextBox 149">
            <a:extLst>
              <a:ext uri="{FF2B5EF4-FFF2-40B4-BE49-F238E27FC236}">
                <a16:creationId xmlns:a16="http://schemas.microsoft.com/office/drawing/2014/main" id="{ADD3B202-40BC-4BDA-A606-ECC174B8F46C}"/>
              </a:ext>
            </a:extLst>
          </p:cNvPr>
          <p:cNvSpPr txBox="1"/>
          <p:nvPr/>
        </p:nvSpPr>
        <p:spPr bwMode="auto">
          <a:xfrm>
            <a:off x="2018018" y="3624322"/>
            <a:ext cx="597290"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ERP/CRM</a:t>
            </a:r>
            <a:endParaRPr lang="en-US" sz="1000" b="0" i="1" kern="0" dirty="0">
              <a:solidFill>
                <a:schemeClr val="bg1"/>
              </a:solidFill>
              <a:latin typeface="Comic Sans MS" panose="030F0702030302020204" pitchFamily="66" charset="0"/>
            </a:endParaRPr>
          </a:p>
        </p:txBody>
      </p:sp>
      <p:cxnSp>
        <p:nvCxnSpPr>
          <p:cNvPr id="154" name="Connector: Curved 153">
            <a:extLst>
              <a:ext uri="{FF2B5EF4-FFF2-40B4-BE49-F238E27FC236}">
                <a16:creationId xmlns:a16="http://schemas.microsoft.com/office/drawing/2014/main" id="{79C74062-7BD9-4C40-A4FA-4C79782E2323}"/>
              </a:ext>
            </a:extLst>
          </p:cNvPr>
          <p:cNvCxnSpPr>
            <a:cxnSpLocks/>
            <a:stCxn id="150" idx="2"/>
          </p:cNvCxnSpPr>
          <p:nvPr/>
        </p:nvCxnSpPr>
        <p:spPr bwMode="auto">
          <a:xfrm rot="16200000" flipH="1">
            <a:off x="2305655" y="3789218"/>
            <a:ext cx="320660" cy="298644"/>
          </a:xfrm>
          <a:prstGeom prst="curvedConnector3">
            <a:avLst>
              <a:gd name="adj1" fmla="val 96818"/>
            </a:avLst>
          </a:prstGeom>
          <a:ln>
            <a:solidFill>
              <a:schemeClr val="accent2">
                <a:lumMod val="20000"/>
                <a:lumOff val="80000"/>
              </a:schemeClr>
            </a:solidFill>
            <a:headEnd type="none" w="med" len="med"/>
            <a:tailEnd type="triangle"/>
          </a:ln>
        </p:spPr>
        <p:style>
          <a:lnRef idx="1">
            <a:schemeClr val="accent4"/>
          </a:lnRef>
          <a:fillRef idx="0">
            <a:schemeClr val="accent4"/>
          </a:fillRef>
          <a:effectRef idx="0">
            <a:schemeClr val="accent4"/>
          </a:effectRef>
          <a:fontRef idx="minor">
            <a:schemeClr val="tx1"/>
          </a:fontRef>
        </p:style>
      </p:cxnSp>
      <p:cxnSp>
        <p:nvCxnSpPr>
          <p:cNvPr id="158" name="Straight Arrow Connector 157">
            <a:extLst>
              <a:ext uri="{FF2B5EF4-FFF2-40B4-BE49-F238E27FC236}">
                <a16:creationId xmlns:a16="http://schemas.microsoft.com/office/drawing/2014/main" id="{756C034E-CCAF-4BE6-80FE-21A802FFD823}"/>
              </a:ext>
            </a:extLst>
          </p:cNvPr>
          <p:cNvCxnSpPr/>
          <p:nvPr/>
        </p:nvCxnSpPr>
        <p:spPr bwMode="auto">
          <a:xfrm flipH="1" flipV="1">
            <a:off x="5671347" y="1539105"/>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162" name="Group 161">
            <a:extLst>
              <a:ext uri="{FF2B5EF4-FFF2-40B4-BE49-F238E27FC236}">
                <a16:creationId xmlns:a16="http://schemas.microsoft.com/office/drawing/2014/main" id="{444208B1-91C0-4C47-A91B-C682B5AB7F08}"/>
              </a:ext>
            </a:extLst>
          </p:cNvPr>
          <p:cNvGrpSpPr/>
          <p:nvPr/>
        </p:nvGrpSpPr>
        <p:grpSpPr>
          <a:xfrm>
            <a:off x="1672201" y="779353"/>
            <a:ext cx="287510" cy="3637628"/>
            <a:chOff x="1030408" y="854180"/>
            <a:chExt cx="298369" cy="3207153"/>
          </a:xfrm>
          <a:solidFill>
            <a:srgbClr val="00148C"/>
          </a:solidFill>
        </p:grpSpPr>
        <p:sp>
          <p:nvSpPr>
            <p:cNvPr id="160" name="Arrow: Up-Down 159">
              <a:extLst>
                <a:ext uri="{FF2B5EF4-FFF2-40B4-BE49-F238E27FC236}">
                  <a16:creationId xmlns:a16="http://schemas.microsoft.com/office/drawing/2014/main" id="{08B1A63C-87A6-4A9B-AB5E-DEB7ED5274DB}"/>
                </a:ext>
              </a:extLst>
            </p:cNvPr>
            <p:cNvSpPr/>
            <p:nvPr/>
          </p:nvSpPr>
          <p:spPr bwMode="auto">
            <a:xfrm>
              <a:off x="1030408" y="854180"/>
              <a:ext cx="298369" cy="3207153"/>
            </a:xfrm>
            <a:prstGeom prst="upDownArrow">
              <a:avLst/>
            </a:prstGeom>
            <a:grpFill/>
            <a:ln w="9525" cap="flat" cmpd="sng" algn="ctr">
              <a:solidFill>
                <a:schemeClr val="accent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lvl="1">
                <a:spcAft>
                  <a:spcPts val="450"/>
                </a:spcAft>
              </a:pPr>
              <a:endParaRPr lang="en-US" sz="1000">
                <a:solidFill>
                  <a:schemeClr val="accent4"/>
                </a:solidFill>
                <a:latin typeface="+mn-lt"/>
                <a:cs typeface="Arial"/>
              </a:endParaRPr>
            </a:p>
          </p:txBody>
        </p:sp>
        <p:sp>
          <p:nvSpPr>
            <p:cNvPr id="161" name="TextBox 160">
              <a:extLst>
                <a:ext uri="{FF2B5EF4-FFF2-40B4-BE49-F238E27FC236}">
                  <a16:creationId xmlns:a16="http://schemas.microsoft.com/office/drawing/2014/main" id="{9DA96FB9-2657-45D4-9207-6EE8E2AC704C}"/>
                </a:ext>
              </a:extLst>
            </p:cNvPr>
            <p:cNvSpPr txBox="1"/>
            <p:nvPr/>
          </p:nvSpPr>
          <p:spPr bwMode="auto">
            <a:xfrm rot="16200000">
              <a:off x="364286" y="2241925"/>
              <a:ext cx="1627097" cy="1277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bg1"/>
                  </a:solidFill>
                  <a:latin typeface="+mn-lt"/>
                  <a:ea typeface="+mn-ea"/>
                </a:rPr>
                <a:t>Data</a:t>
              </a:r>
              <a:r>
                <a:rPr lang="en-US" sz="800" b="0" kern="0" dirty="0">
                  <a:solidFill>
                    <a:schemeClr val="accent4"/>
                  </a:solidFill>
                  <a:latin typeface="+mn-lt"/>
                  <a:ea typeface="+mn-ea"/>
                </a:rPr>
                <a:t> </a:t>
              </a:r>
              <a:r>
                <a:rPr lang="en-US" sz="800" b="0" kern="0" dirty="0">
                  <a:solidFill>
                    <a:schemeClr val="bg1"/>
                  </a:solidFill>
                  <a:latin typeface="+mn-lt"/>
                  <a:ea typeface="+mn-ea"/>
                </a:rPr>
                <a:t>Architecture &amp; Design</a:t>
              </a:r>
            </a:p>
          </p:txBody>
        </p:sp>
      </p:grpSp>
      <p:sp>
        <p:nvSpPr>
          <p:cNvPr id="171" name="Rectangle: Rounded Corners 8">
            <a:extLst>
              <a:ext uri="{FF2B5EF4-FFF2-40B4-BE49-F238E27FC236}">
                <a16:creationId xmlns:a16="http://schemas.microsoft.com/office/drawing/2014/main" id="{F748D4FC-3BD5-4FA6-B29B-245B9641E304}"/>
              </a:ext>
            </a:extLst>
          </p:cNvPr>
          <p:cNvSpPr txBox="1"/>
          <p:nvPr/>
        </p:nvSpPr>
        <p:spPr>
          <a:xfrm>
            <a:off x="1988222" y="4213440"/>
            <a:ext cx="1029757" cy="222527"/>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i="1">
                <a:solidFill>
                  <a:schemeClr val="accent5">
                    <a:lumMod val="50000"/>
                  </a:schemeClr>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b="0" i="0" dirty="0">
                <a:solidFill>
                  <a:schemeClr val="bg1"/>
                </a:solidFill>
              </a:rPr>
              <a:t>MDM</a:t>
            </a:r>
          </a:p>
        </p:txBody>
      </p:sp>
      <p:sp>
        <p:nvSpPr>
          <p:cNvPr id="185" name="Rectangle: Rounded Corners 8">
            <a:extLst>
              <a:ext uri="{FF2B5EF4-FFF2-40B4-BE49-F238E27FC236}">
                <a16:creationId xmlns:a16="http://schemas.microsoft.com/office/drawing/2014/main" id="{2DBF6B5E-0120-4572-8DB6-2FF23B047BF2}"/>
              </a:ext>
            </a:extLst>
          </p:cNvPr>
          <p:cNvSpPr txBox="1"/>
          <p:nvPr/>
        </p:nvSpPr>
        <p:spPr>
          <a:xfrm>
            <a:off x="3147775" y="1837005"/>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sp>
        <p:nvSpPr>
          <p:cNvPr id="187" name="Rectangle: Rounded Corners 8">
            <a:extLst>
              <a:ext uri="{FF2B5EF4-FFF2-40B4-BE49-F238E27FC236}">
                <a16:creationId xmlns:a16="http://schemas.microsoft.com/office/drawing/2014/main" id="{7A8A5CBD-123E-4D03-8D5E-706A078AC7B4}"/>
              </a:ext>
            </a:extLst>
          </p:cNvPr>
          <p:cNvSpPr txBox="1"/>
          <p:nvPr/>
        </p:nvSpPr>
        <p:spPr>
          <a:xfrm>
            <a:off x="1988288" y="1837377"/>
            <a:ext cx="1161017" cy="214389"/>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MDM</a:t>
            </a:r>
          </a:p>
        </p:txBody>
      </p:sp>
      <p:pic>
        <p:nvPicPr>
          <p:cNvPr id="189" name="Graphic 188" descr="Smart Phone">
            <a:extLst>
              <a:ext uri="{FF2B5EF4-FFF2-40B4-BE49-F238E27FC236}">
                <a16:creationId xmlns:a16="http://schemas.microsoft.com/office/drawing/2014/main" id="{8ABF6AD6-5200-4DB5-AD99-C6D9003E482C}"/>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5625457" y="1246556"/>
            <a:ext cx="279122" cy="279122"/>
          </a:xfrm>
          <a:prstGeom prst="rect">
            <a:avLst/>
          </a:prstGeom>
        </p:spPr>
      </p:pic>
      <p:sp>
        <p:nvSpPr>
          <p:cNvPr id="196" name="TextBox 195">
            <a:extLst>
              <a:ext uri="{FF2B5EF4-FFF2-40B4-BE49-F238E27FC236}">
                <a16:creationId xmlns:a16="http://schemas.microsoft.com/office/drawing/2014/main" id="{3C85B2DC-3D64-4546-BD3F-8F10649B8216}"/>
              </a:ext>
            </a:extLst>
          </p:cNvPr>
          <p:cNvSpPr txBox="1"/>
          <p:nvPr/>
        </p:nvSpPr>
        <p:spPr bwMode="auto">
          <a:xfrm>
            <a:off x="2035597" y="1082351"/>
            <a:ext cx="66178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dirty="0">
                <a:solidFill>
                  <a:schemeClr val="tx1"/>
                </a:solidFill>
              </a:rPr>
              <a:t>App/Service</a:t>
            </a:r>
          </a:p>
          <a:p>
            <a:pPr algn="l">
              <a:spcAft>
                <a:spcPts val="0"/>
              </a:spcAft>
              <a:buClr>
                <a:schemeClr val="tx1"/>
              </a:buClr>
            </a:pPr>
            <a:r>
              <a:rPr lang="en-US" sz="700" b="0" dirty="0">
                <a:solidFill>
                  <a:schemeClr val="tx1"/>
                </a:solidFill>
              </a:rPr>
              <a:t>(3</a:t>
            </a:r>
            <a:r>
              <a:rPr lang="en-US" sz="700" b="0" baseline="30000" dirty="0">
                <a:solidFill>
                  <a:schemeClr val="tx1"/>
                </a:solidFill>
              </a:rPr>
              <a:t>rd</a:t>
            </a:r>
            <a:r>
              <a:rPr lang="en-US" sz="700" b="0" dirty="0">
                <a:solidFill>
                  <a:schemeClr val="tx1"/>
                </a:solidFill>
              </a:rPr>
              <a:t> Party) </a:t>
            </a:r>
            <a:endParaRPr lang="en-US" sz="700" b="0" kern="0" dirty="0">
              <a:solidFill>
                <a:schemeClr val="tx1"/>
              </a:solidFill>
              <a:latin typeface="+mn-lt"/>
              <a:ea typeface="+mn-ea"/>
            </a:endParaRPr>
          </a:p>
        </p:txBody>
      </p:sp>
      <p:sp>
        <p:nvSpPr>
          <p:cNvPr id="199" name="Rectangle: Rounded Corners 8">
            <a:extLst>
              <a:ext uri="{FF2B5EF4-FFF2-40B4-BE49-F238E27FC236}">
                <a16:creationId xmlns:a16="http://schemas.microsoft.com/office/drawing/2014/main" id="{D46682C3-1B2A-47BA-8910-35181FF5367E}"/>
              </a:ext>
            </a:extLst>
          </p:cNvPr>
          <p:cNvSpPr txBox="1"/>
          <p:nvPr/>
        </p:nvSpPr>
        <p:spPr>
          <a:xfrm>
            <a:off x="5438967" y="1838803"/>
            <a:ext cx="1176626" cy="214389"/>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700" dirty="0"/>
              <a:t>Integration</a:t>
            </a:r>
          </a:p>
          <a:p>
            <a:pPr>
              <a:spcAft>
                <a:spcPts val="0"/>
              </a:spcAft>
            </a:pPr>
            <a:r>
              <a:rPr lang="en-US" sz="700" dirty="0"/>
              <a:t>Service</a:t>
            </a:r>
          </a:p>
        </p:txBody>
      </p:sp>
      <p:cxnSp>
        <p:nvCxnSpPr>
          <p:cNvPr id="203" name="Straight Arrow Connector 202">
            <a:extLst>
              <a:ext uri="{FF2B5EF4-FFF2-40B4-BE49-F238E27FC236}">
                <a16:creationId xmlns:a16="http://schemas.microsoft.com/office/drawing/2014/main" id="{6C482328-B9F4-4A7D-9EFB-CA72D3F2442B}"/>
              </a:ext>
            </a:extLst>
          </p:cNvPr>
          <p:cNvCxnSpPr/>
          <p:nvPr/>
        </p:nvCxnSpPr>
        <p:spPr bwMode="auto">
          <a:xfrm flipV="1">
            <a:off x="6352728" y="1304299"/>
            <a:ext cx="0" cy="495718"/>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4" name="Rectangle: Rounded Corners 8">
            <a:extLst>
              <a:ext uri="{FF2B5EF4-FFF2-40B4-BE49-F238E27FC236}">
                <a16:creationId xmlns:a16="http://schemas.microsoft.com/office/drawing/2014/main" id="{14470DE5-5676-4DD5-84D9-79024324A972}"/>
              </a:ext>
            </a:extLst>
          </p:cNvPr>
          <p:cNvSpPr txBox="1"/>
          <p:nvPr/>
        </p:nvSpPr>
        <p:spPr>
          <a:xfrm>
            <a:off x="4293371" y="1837829"/>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Data Catalog</a:t>
            </a:r>
          </a:p>
        </p:txBody>
      </p:sp>
      <p:sp>
        <p:nvSpPr>
          <p:cNvPr id="207" name="Rectangle: Rounded Corners 206">
            <a:extLst>
              <a:ext uri="{FF2B5EF4-FFF2-40B4-BE49-F238E27FC236}">
                <a16:creationId xmlns:a16="http://schemas.microsoft.com/office/drawing/2014/main" id="{F07CF2F5-A434-4490-9E65-48178D20275D}"/>
              </a:ext>
            </a:extLst>
          </p:cNvPr>
          <p:cNvSpPr/>
          <p:nvPr/>
        </p:nvSpPr>
        <p:spPr bwMode="auto">
          <a:xfrm>
            <a:off x="6785746" y="3657525"/>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Source</a:t>
            </a:r>
          </a:p>
        </p:txBody>
      </p:sp>
      <p:sp>
        <p:nvSpPr>
          <p:cNvPr id="208" name="Rectangle: Rounded Corners 207">
            <a:extLst>
              <a:ext uri="{FF2B5EF4-FFF2-40B4-BE49-F238E27FC236}">
                <a16:creationId xmlns:a16="http://schemas.microsoft.com/office/drawing/2014/main" id="{E32BDBA6-8F50-4BBF-8895-C7FAAEB2DF48}"/>
              </a:ext>
            </a:extLst>
          </p:cNvPr>
          <p:cNvSpPr/>
          <p:nvPr/>
        </p:nvSpPr>
        <p:spPr bwMode="auto">
          <a:xfrm>
            <a:off x="6785745" y="2778684"/>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Ingest</a:t>
            </a:r>
          </a:p>
        </p:txBody>
      </p:sp>
      <p:sp>
        <p:nvSpPr>
          <p:cNvPr id="209" name="Rectangle: Rounded Corners 208">
            <a:extLst>
              <a:ext uri="{FF2B5EF4-FFF2-40B4-BE49-F238E27FC236}">
                <a16:creationId xmlns:a16="http://schemas.microsoft.com/office/drawing/2014/main" id="{A08B419B-57F6-4EBF-A1B9-6C9C52FD7614}"/>
              </a:ext>
            </a:extLst>
          </p:cNvPr>
          <p:cNvSpPr/>
          <p:nvPr/>
        </p:nvSpPr>
        <p:spPr bwMode="auto">
          <a:xfrm>
            <a:off x="6785748" y="1021000"/>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Consume</a:t>
            </a:r>
          </a:p>
        </p:txBody>
      </p:sp>
      <p:sp>
        <p:nvSpPr>
          <p:cNvPr id="210" name="Rectangle: Rounded Corners 209">
            <a:extLst>
              <a:ext uri="{FF2B5EF4-FFF2-40B4-BE49-F238E27FC236}">
                <a16:creationId xmlns:a16="http://schemas.microsoft.com/office/drawing/2014/main" id="{10018ECA-4D5E-4B18-8754-109103EB4246}"/>
              </a:ext>
            </a:extLst>
          </p:cNvPr>
          <p:cNvSpPr/>
          <p:nvPr/>
        </p:nvSpPr>
        <p:spPr bwMode="auto">
          <a:xfrm>
            <a:off x="6785746" y="1899842"/>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Process</a:t>
            </a:r>
          </a:p>
          <a:p>
            <a:pPr algn="ctr">
              <a:spcAft>
                <a:spcPts val="450"/>
              </a:spcAft>
            </a:pPr>
            <a:r>
              <a:rPr lang="en-US" sz="900">
                <a:solidFill>
                  <a:schemeClr val="bg1"/>
                </a:solidFill>
                <a:latin typeface="Comic Sans MS" panose="030F0702030302020204" pitchFamily="66" charset="0"/>
                <a:cs typeface="Arial"/>
              </a:rPr>
              <a:t>&amp; Serve</a:t>
            </a:r>
          </a:p>
        </p:txBody>
      </p:sp>
      <p:cxnSp>
        <p:nvCxnSpPr>
          <p:cNvPr id="79" name="Straight Arrow Connector 78">
            <a:extLst>
              <a:ext uri="{FF2B5EF4-FFF2-40B4-BE49-F238E27FC236}">
                <a16:creationId xmlns:a16="http://schemas.microsoft.com/office/drawing/2014/main" id="{FCB1ACE7-1203-4CD2-A9BB-E06FF48795AC}"/>
              </a:ext>
            </a:extLst>
          </p:cNvPr>
          <p:cNvCxnSpPr>
            <a:cxnSpLocks/>
          </p:cNvCxnSpPr>
          <p:nvPr/>
        </p:nvCxnSpPr>
        <p:spPr bwMode="auto">
          <a:xfrm flipH="1" flipV="1">
            <a:off x="2744270" y="2984384"/>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3" name="Straight Arrow Connector 82">
            <a:extLst>
              <a:ext uri="{FF2B5EF4-FFF2-40B4-BE49-F238E27FC236}">
                <a16:creationId xmlns:a16="http://schemas.microsoft.com/office/drawing/2014/main" id="{9CAE1C45-1DA4-45A2-ABFA-B5554720A654}"/>
              </a:ext>
            </a:extLst>
          </p:cNvPr>
          <p:cNvCxnSpPr>
            <a:cxnSpLocks/>
          </p:cNvCxnSpPr>
          <p:nvPr/>
        </p:nvCxnSpPr>
        <p:spPr bwMode="auto">
          <a:xfrm flipH="1" flipV="1">
            <a:off x="6098213" y="2994425"/>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7" name="Title 1">
            <a:extLst>
              <a:ext uri="{FF2B5EF4-FFF2-40B4-BE49-F238E27FC236}">
                <a16:creationId xmlns:a16="http://schemas.microsoft.com/office/drawing/2014/main" id="{F1BAC85D-CBD4-441E-8CF1-114670BE6D91}"/>
              </a:ext>
            </a:extLst>
          </p:cNvPr>
          <p:cNvSpPr txBox="1">
            <a:spLocks/>
          </p:cNvSpPr>
          <p:nvPr/>
        </p:nvSpPr>
        <p:spPr bwMode="auto">
          <a:xfrm>
            <a:off x="113410" y="9034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spcAft>
                <a:spcPct val="0"/>
              </a:spcAft>
              <a:defRPr sz="2400">
                <a:latin typeface="+mj-lt"/>
                <a:ea typeface="+mj-ea"/>
                <a:cs typeface="+mj-cs"/>
              </a:defRPr>
            </a:lvl1pPr>
            <a:lvl2pPr>
              <a:spcAft>
                <a:spcPct val="0"/>
              </a:spcAft>
              <a:defRPr sz="2100" b="1">
                <a:solidFill>
                  <a:srgbClr val="0079C1"/>
                </a:solidFill>
                <a:latin typeface="Arial" charset="0"/>
                <a:ea typeface="ＭＳ Ｐゴシック" pitchFamily="48" charset="-128"/>
              </a:defRPr>
            </a:lvl2pPr>
            <a:lvl3pPr>
              <a:spcAft>
                <a:spcPct val="0"/>
              </a:spcAft>
              <a:defRPr sz="2100" b="1">
                <a:solidFill>
                  <a:srgbClr val="0079C1"/>
                </a:solidFill>
                <a:latin typeface="Arial" charset="0"/>
                <a:ea typeface="ＭＳ Ｐゴシック" pitchFamily="48" charset="-128"/>
              </a:defRPr>
            </a:lvl3pPr>
            <a:lvl4pPr>
              <a:spcAft>
                <a:spcPct val="0"/>
              </a:spcAft>
              <a:defRPr sz="2100" b="1">
                <a:solidFill>
                  <a:srgbClr val="0079C1"/>
                </a:solidFill>
                <a:latin typeface="Arial" charset="0"/>
                <a:ea typeface="ＭＳ Ｐゴシック" pitchFamily="48" charset="-128"/>
              </a:defRPr>
            </a:lvl4pPr>
            <a:lvl5pPr>
              <a:spcAft>
                <a:spcPct val="0"/>
              </a:spcAft>
              <a:defRPr sz="2100" b="1">
                <a:solidFill>
                  <a:srgbClr val="0079C1"/>
                </a:solidFill>
                <a:latin typeface="Arial" charset="0"/>
                <a:ea typeface="ＭＳ Ｐゴシック" pitchFamily="48" charset="-128"/>
              </a:defRPr>
            </a:lvl5pPr>
            <a:lvl6pPr marL="342866">
              <a:spcAft>
                <a:spcPct val="0"/>
              </a:spcAft>
              <a:defRPr sz="2100" b="1">
                <a:solidFill>
                  <a:srgbClr val="0079C1"/>
                </a:solidFill>
                <a:latin typeface="Arial" charset="0"/>
                <a:ea typeface="ＭＳ Ｐゴシック" pitchFamily="48" charset="-128"/>
              </a:defRPr>
            </a:lvl6pPr>
            <a:lvl7pPr marL="685732">
              <a:spcAft>
                <a:spcPct val="0"/>
              </a:spcAft>
              <a:defRPr sz="2100" b="1">
                <a:solidFill>
                  <a:srgbClr val="0079C1"/>
                </a:solidFill>
                <a:latin typeface="Arial" charset="0"/>
                <a:ea typeface="ＭＳ Ｐゴシック" pitchFamily="48" charset="-128"/>
              </a:defRPr>
            </a:lvl7pPr>
            <a:lvl8pPr marL="1028598">
              <a:spcAft>
                <a:spcPct val="0"/>
              </a:spcAft>
              <a:defRPr sz="2100" b="1">
                <a:solidFill>
                  <a:srgbClr val="0079C1"/>
                </a:solidFill>
                <a:latin typeface="Arial" charset="0"/>
                <a:ea typeface="ＭＳ Ｐゴシック" pitchFamily="48" charset="-128"/>
              </a:defRPr>
            </a:lvl8pPr>
            <a:lvl9pPr marL="1371464">
              <a:spcAft>
                <a:spcPct val="0"/>
              </a:spcAft>
              <a:defRPr sz="2100" b="1">
                <a:solidFill>
                  <a:srgbClr val="0079C1"/>
                </a:solidFill>
                <a:latin typeface="Arial" charset="0"/>
                <a:ea typeface="ＭＳ Ｐゴシック" pitchFamily="48" charset="-128"/>
              </a:defRPr>
            </a:lvl9pPr>
          </a:lstStyle>
          <a:p>
            <a:r>
              <a:rPr lang="en-US" dirty="0"/>
              <a:t>Enterprise Data Platform Architecture</a:t>
            </a:r>
          </a:p>
        </p:txBody>
      </p:sp>
    </p:spTree>
    <p:extLst>
      <p:ext uri="{BB962C8B-B14F-4D97-AF65-F5344CB8AC3E}">
        <p14:creationId xmlns:p14="http://schemas.microsoft.com/office/powerpoint/2010/main" val="2165238967"/>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Rectangle: Rounded Corners 35">
            <a:extLst>
              <a:ext uri="{FF2B5EF4-FFF2-40B4-BE49-F238E27FC236}">
                <a16:creationId xmlns:a16="http://schemas.microsoft.com/office/drawing/2014/main" id="{48E73735-6E86-40D3-8CE0-B91F48C8C7EF}"/>
              </a:ext>
            </a:extLst>
          </p:cNvPr>
          <p:cNvSpPr/>
          <p:nvPr/>
        </p:nvSpPr>
        <p:spPr bwMode="auto">
          <a:xfrm>
            <a:off x="300162" y="3481925"/>
            <a:ext cx="4485497" cy="1375301"/>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5" name="Rectangle: Rounded Corners 34">
            <a:extLst>
              <a:ext uri="{FF2B5EF4-FFF2-40B4-BE49-F238E27FC236}">
                <a16:creationId xmlns:a16="http://schemas.microsoft.com/office/drawing/2014/main" id="{2CF813F6-C826-42C2-B99B-D61B3036D7B1}"/>
              </a:ext>
            </a:extLst>
          </p:cNvPr>
          <p:cNvSpPr/>
          <p:nvPr/>
        </p:nvSpPr>
        <p:spPr bwMode="auto">
          <a:xfrm>
            <a:off x="329813" y="453351"/>
            <a:ext cx="4441179" cy="833726"/>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 name="Rectangle: Rounded Corners 2">
            <a:extLst>
              <a:ext uri="{FF2B5EF4-FFF2-40B4-BE49-F238E27FC236}">
                <a16:creationId xmlns:a16="http://schemas.microsoft.com/office/drawing/2014/main" id="{1DECA2C8-A579-40E4-A335-8583202F9480}"/>
              </a:ext>
            </a:extLst>
          </p:cNvPr>
          <p:cNvSpPr/>
          <p:nvPr/>
        </p:nvSpPr>
        <p:spPr bwMode="auto">
          <a:xfrm>
            <a:off x="283384" y="1297816"/>
            <a:ext cx="4499371" cy="2170995"/>
          </a:xfrm>
          <a:prstGeom prst="roundRect">
            <a:avLst/>
          </a:prstGeom>
          <a:solidFill>
            <a:srgbClr val="00148C"/>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spcAft>
                <a:spcPts val="450"/>
              </a:spcAft>
            </a:pPr>
            <a:endParaRPr lang="en-US" dirty="0" err="1">
              <a:solidFill>
                <a:schemeClr val="bg1"/>
              </a:solidFill>
              <a:cs typeface="Arial"/>
            </a:endParaRPr>
          </a:p>
        </p:txBody>
      </p:sp>
      <p:sp>
        <p:nvSpPr>
          <p:cNvPr id="2" name="Title 1"/>
          <p:cNvSpPr>
            <a:spLocks noGrp="1"/>
          </p:cNvSpPr>
          <p:nvPr>
            <p:ph type="title"/>
          </p:nvPr>
        </p:nvSpPr>
        <p:spPr>
          <a:xfrm>
            <a:off x="115404" y="122799"/>
            <a:ext cx="6302261" cy="430887"/>
          </a:xfrm>
        </p:spPr>
        <p:txBody>
          <a:bodyPr/>
          <a:lstStyle/>
          <a:p>
            <a:r>
              <a:rPr lang="en-US" dirty="0"/>
              <a:t> Meta Data, Master Data, Transaction Data</a:t>
            </a:r>
          </a:p>
        </p:txBody>
      </p:sp>
      <p:sp>
        <p:nvSpPr>
          <p:cNvPr id="5" name="Text Placeholder 9"/>
          <p:cNvSpPr>
            <a:spLocks noGrp="1"/>
          </p:cNvSpPr>
          <p:nvPr>
            <p:ph type="body" sz="quarter" idx="11"/>
          </p:nvPr>
        </p:nvSpPr>
        <p:spPr>
          <a:xfrm>
            <a:off x="331160" y="505073"/>
            <a:ext cx="4345194" cy="4424288"/>
          </a:xfrm>
        </p:spPr>
        <p:txBody>
          <a:bodyPr numCol="1"/>
          <a:lstStyle/>
          <a:p>
            <a:pPr marL="269875" lvl="2" indent="-269875">
              <a:spcBef>
                <a:spcPts val="600"/>
              </a:spcBef>
              <a:spcAft>
                <a:spcPts val="0"/>
              </a:spcAft>
              <a:buClr>
                <a:schemeClr val="bg1"/>
              </a:buClr>
            </a:pPr>
            <a:r>
              <a:rPr lang="en-GB" sz="1050" b="1" dirty="0">
                <a:solidFill>
                  <a:schemeClr val="bg1"/>
                </a:solidFill>
              </a:rPr>
              <a:t>Meta Data</a:t>
            </a:r>
          </a:p>
          <a:p>
            <a:pPr marL="539875" lvl="3" indent="-269875">
              <a:spcAft>
                <a:spcPts val="0"/>
              </a:spcAft>
              <a:buClr>
                <a:schemeClr val="bg1"/>
              </a:buClr>
            </a:pPr>
            <a:r>
              <a:rPr lang="en-GB" sz="1050" dirty="0">
                <a:solidFill>
                  <a:schemeClr val="bg1"/>
                </a:solidFill>
              </a:rPr>
              <a:t>Data about data like structure, meaning, and relationships of data</a:t>
            </a:r>
          </a:p>
          <a:p>
            <a:pPr marL="539875" lvl="3" indent="-269875">
              <a:spcAft>
                <a:spcPts val="0"/>
              </a:spcAft>
              <a:buClr>
                <a:schemeClr val="bg1"/>
              </a:buClr>
            </a:pPr>
            <a:r>
              <a:rPr lang="en-GB" sz="1050" dirty="0">
                <a:solidFill>
                  <a:schemeClr val="bg1"/>
                </a:solidFill>
              </a:rPr>
              <a:t>E.g. Column CUST_ID is a Customer ID and has a size of 10 characters</a:t>
            </a:r>
          </a:p>
          <a:p>
            <a:pPr marL="269875" lvl="2" indent="-269875">
              <a:spcBef>
                <a:spcPts val="600"/>
              </a:spcBef>
              <a:spcAft>
                <a:spcPts val="0"/>
              </a:spcAft>
              <a:buClr>
                <a:schemeClr val="bg1"/>
              </a:buClr>
            </a:pPr>
            <a:r>
              <a:rPr lang="en-GB" sz="1050" b="1" dirty="0">
                <a:solidFill>
                  <a:schemeClr val="bg1"/>
                </a:solidFill>
              </a:rPr>
              <a:t>Reference Data </a:t>
            </a:r>
          </a:p>
          <a:p>
            <a:pPr marL="539750" lvl="3" indent="-269875">
              <a:spcAft>
                <a:spcPts val="0"/>
              </a:spcAft>
              <a:buClr>
                <a:schemeClr val="bg1"/>
              </a:buClr>
            </a:pPr>
            <a:r>
              <a:rPr lang="en-GB" sz="1050" dirty="0">
                <a:solidFill>
                  <a:schemeClr val="bg1"/>
                </a:solidFill>
                <a:cs typeface="Arial"/>
              </a:rPr>
              <a:t>Codes describing state and behaviour of organization entities and transactions</a:t>
            </a:r>
          </a:p>
          <a:p>
            <a:pPr marL="539750" lvl="3" indent="-269875">
              <a:spcAft>
                <a:spcPts val="0"/>
              </a:spcAft>
              <a:buClr>
                <a:schemeClr val="bg1"/>
              </a:buClr>
            </a:pPr>
            <a:r>
              <a:rPr lang="en-GB" sz="1050" dirty="0">
                <a:solidFill>
                  <a:schemeClr val="bg1"/>
                </a:solidFill>
                <a:cs typeface="Arial"/>
              </a:rPr>
              <a:t>E.g. Status codes, Reason codes, Type codes, Classification codes, Country, State, Zip/Postal codes</a:t>
            </a:r>
          </a:p>
          <a:p>
            <a:pPr marL="269875" lvl="2" indent="-269875">
              <a:spcBef>
                <a:spcPts val="600"/>
              </a:spcBef>
              <a:spcAft>
                <a:spcPts val="0"/>
              </a:spcAft>
              <a:buClr>
                <a:schemeClr val="bg1"/>
              </a:buClr>
            </a:pPr>
            <a:r>
              <a:rPr lang="en-GB" sz="1050" b="1" dirty="0">
                <a:solidFill>
                  <a:schemeClr val="bg1"/>
                </a:solidFill>
              </a:rPr>
              <a:t>Enterprise Structured Data</a:t>
            </a:r>
          </a:p>
          <a:p>
            <a:pPr marL="539750" lvl="3" indent="-269875">
              <a:spcAft>
                <a:spcPts val="0"/>
              </a:spcAft>
              <a:buClr>
                <a:schemeClr val="bg1"/>
              </a:buClr>
            </a:pPr>
            <a:r>
              <a:rPr lang="en-GB" sz="1050" dirty="0">
                <a:solidFill>
                  <a:schemeClr val="bg1"/>
                </a:solidFill>
              </a:rPr>
              <a:t>Hierarchies within the enterprise </a:t>
            </a:r>
          </a:p>
          <a:p>
            <a:pPr marL="539750" lvl="3" indent="-269875">
              <a:spcAft>
                <a:spcPts val="0"/>
              </a:spcAft>
              <a:buClr>
                <a:schemeClr val="bg1"/>
              </a:buClr>
            </a:pPr>
            <a:r>
              <a:rPr lang="en-GB" sz="1050" dirty="0">
                <a:solidFill>
                  <a:schemeClr val="bg1"/>
                </a:solidFill>
              </a:rPr>
              <a:t>E.g. Organization Hierarchy (Company, Business Unit, Division, Department etc)</a:t>
            </a:r>
            <a:endParaRPr lang="en-GB" sz="1050" dirty="0">
              <a:solidFill>
                <a:schemeClr val="bg1"/>
              </a:solidFill>
              <a:cs typeface="Arial"/>
            </a:endParaRPr>
          </a:p>
          <a:p>
            <a:pPr marL="269875" lvl="2" indent="-269875">
              <a:spcBef>
                <a:spcPts val="600"/>
              </a:spcBef>
              <a:spcAft>
                <a:spcPts val="0"/>
              </a:spcAft>
              <a:buClr>
                <a:schemeClr val="bg1"/>
              </a:buClr>
            </a:pPr>
            <a:r>
              <a:rPr lang="en-GB" sz="1050" b="1" dirty="0">
                <a:solidFill>
                  <a:schemeClr val="bg1"/>
                </a:solidFill>
              </a:rPr>
              <a:t>Transaction Structure Data</a:t>
            </a:r>
          </a:p>
          <a:p>
            <a:pPr marL="539875" lvl="3" indent="-269875">
              <a:spcAft>
                <a:spcPts val="0"/>
              </a:spcAft>
              <a:buClr>
                <a:schemeClr val="bg1"/>
              </a:buClr>
            </a:pPr>
            <a:r>
              <a:rPr lang="en-GB" sz="1050" dirty="0">
                <a:solidFill>
                  <a:schemeClr val="bg1"/>
                </a:solidFill>
                <a:cs typeface="Arial"/>
              </a:rPr>
              <a:t>Organization entities in which the transactions act upon </a:t>
            </a:r>
          </a:p>
          <a:p>
            <a:pPr marL="539875" lvl="3" indent="-269875">
              <a:spcAft>
                <a:spcPts val="0"/>
              </a:spcAft>
              <a:buClr>
                <a:schemeClr val="bg1"/>
              </a:buClr>
            </a:pPr>
            <a:r>
              <a:rPr lang="en-GB" sz="1050" dirty="0">
                <a:solidFill>
                  <a:schemeClr val="bg1"/>
                </a:solidFill>
                <a:cs typeface="Arial"/>
              </a:rPr>
              <a:t>E.g. Customer, Workforce, Asset, Product, Vendor etc </a:t>
            </a:r>
          </a:p>
          <a:p>
            <a:pPr marL="269875" lvl="2" indent="-269875">
              <a:spcBef>
                <a:spcPts val="600"/>
              </a:spcBef>
              <a:spcAft>
                <a:spcPts val="0"/>
              </a:spcAft>
              <a:buClr>
                <a:schemeClr val="bg1"/>
              </a:buClr>
            </a:pPr>
            <a:r>
              <a:rPr lang="en-GB" sz="1050" b="1" dirty="0">
                <a:solidFill>
                  <a:schemeClr val="bg1"/>
                </a:solidFill>
              </a:rPr>
              <a:t>Transaction Activity Data</a:t>
            </a:r>
          </a:p>
          <a:p>
            <a:pPr marL="539750" lvl="3" indent="-269875">
              <a:spcAft>
                <a:spcPts val="0"/>
              </a:spcAft>
              <a:buClr>
                <a:schemeClr val="bg1"/>
              </a:buClr>
            </a:pPr>
            <a:r>
              <a:rPr lang="en-GB" sz="1050" dirty="0">
                <a:solidFill>
                  <a:schemeClr val="bg1"/>
                </a:solidFill>
              </a:rPr>
              <a:t>Operational transactions typically automated in applications</a:t>
            </a:r>
          </a:p>
          <a:p>
            <a:pPr marL="539750" lvl="3" indent="-269875">
              <a:spcAft>
                <a:spcPts val="0"/>
              </a:spcAft>
              <a:buClr>
                <a:schemeClr val="bg1"/>
              </a:buClr>
            </a:pPr>
            <a:r>
              <a:rPr lang="en-GB" sz="1050" dirty="0">
                <a:solidFill>
                  <a:schemeClr val="bg1"/>
                </a:solidFill>
                <a:cs typeface="Arial"/>
              </a:rPr>
              <a:t>E.g. Customer Billing and Payment, Work Request, Work Order, Worker Learning and Salary/Payment</a:t>
            </a:r>
          </a:p>
          <a:p>
            <a:pPr marL="269875" lvl="2" indent="-269875">
              <a:spcBef>
                <a:spcPts val="600"/>
              </a:spcBef>
              <a:spcAft>
                <a:spcPts val="0"/>
              </a:spcAft>
              <a:buClr>
                <a:schemeClr val="bg1"/>
              </a:buClr>
            </a:pPr>
            <a:r>
              <a:rPr lang="en-GB" sz="1050" b="1" dirty="0">
                <a:solidFill>
                  <a:schemeClr val="bg1"/>
                </a:solidFill>
              </a:rPr>
              <a:t>Transaction Audit Data</a:t>
            </a:r>
          </a:p>
          <a:p>
            <a:pPr marL="539875" lvl="3" indent="-269875">
              <a:spcAft>
                <a:spcPts val="0"/>
              </a:spcAft>
              <a:buClr>
                <a:schemeClr val="bg1"/>
              </a:buClr>
            </a:pPr>
            <a:r>
              <a:rPr lang="en-GB" sz="1050" dirty="0">
                <a:solidFill>
                  <a:schemeClr val="bg1"/>
                </a:solidFill>
                <a:cs typeface="Arial"/>
              </a:rPr>
              <a:t>Logs of transactions executed to bring about a process flow</a:t>
            </a:r>
          </a:p>
          <a:p>
            <a:pPr marL="539875" lvl="3" indent="-269875">
              <a:spcAft>
                <a:spcPts val="0"/>
              </a:spcAft>
              <a:buClr>
                <a:schemeClr val="bg1"/>
              </a:buClr>
            </a:pPr>
            <a:r>
              <a:rPr lang="en-GB" sz="1050" dirty="0">
                <a:solidFill>
                  <a:schemeClr val="bg1"/>
                </a:solidFill>
                <a:cs typeface="Arial"/>
              </a:rPr>
              <a:t>E.g. transaction logs of create, update, and view of customer data</a:t>
            </a:r>
          </a:p>
        </p:txBody>
      </p:sp>
      <p:sp>
        <p:nvSpPr>
          <p:cNvPr id="6" name="TextBox 5">
            <a:extLst>
              <a:ext uri="{FF2B5EF4-FFF2-40B4-BE49-F238E27FC236}">
                <a16:creationId xmlns:a16="http://schemas.microsoft.com/office/drawing/2014/main" id="{5E81AA26-0289-4EDD-8AE0-8BF1A31B180E}"/>
              </a:ext>
            </a:extLst>
          </p:cNvPr>
          <p:cNvSpPr txBox="1"/>
          <p:nvPr/>
        </p:nvSpPr>
        <p:spPr bwMode="auto">
          <a:xfrm rot="16200000">
            <a:off x="-215096" y="2252502"/>
            <a:ext cx="867067" cy="153888"/>
          </a:xfrm>
          <a:prstGeom prst="rect">
            <a:avLst/>
          </a:prstGeom>
          <a:solidFill>
            <a:srgbClr val="00148C"/>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Master Data</a:t>
            </a:r>
          </a:p>
        </p:txBody>
      </p:sp>
      <p:sp>
        <p:nvSpPr>
          <p:cNvPr id="9" name="TextBox 8">
            <a:extLst>
              <a:ext uri="{FF2B5EF4-FFF2-40B4-BE49-F238E27FC236}">
                <a16:creationId xmlns:a16="http://schemas.microsoft.com/office/drawing/2014/main" id="{96D41EC2-9003-405F-A475-6A572C40FE05}"/>
              </a:ext>
            </a:extLst>
          </p:cNvPr>
          <p:cNvSpPr txBox="1"/>
          <p:nvPr/>
        </p:nvSpPr>
        <p:spPr bwMode="auto">
          <a:xfrm rot="16200000">
            <a:off x="-350008" y="4112382"/>
            <a:ext cx="1141918" cy="153888"/>
          </a:xfrm>
          <a:prstGeom prst="rect">
            <a:avLst/>
          </a:prstGeom>
          <a:solidFill>
            <a:schemeClr val="accent3">
              <a:lumMod val="60000"/>
              <a:lumOff val="40000"/>
            </a:schemeClr>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Transaction Data</a:t>
            </a:r>
          </a:p>
        </p:txBody>
      </p:sp>
      <p:sp>
        <p:nvSpPr>
          <p:cNvPr id="11" name="TextBox 10">
            <a:extLst>
              <a:ext uri="{FF2B5EF4-FFF2-40B4-BE49-F238E27FC236}">
                <a16:creationId xmlns:a16="http://schemas.microsoft.com/office/drawing/2014/main" id="{20E39CDF-1FEE-4ABA-B073-42D9611A0158}"/>
              </a:ext>
            </a:extLst>
          </p:cNvPr>
          <p:cNvSpPr txBox="1"/>
          <p:nvPr/>
        </p:nvSpPr>
        <p:spPr bwMode="auto">
          <a:xfrm rot="16200000">
            <a:off x="-149992" y="776475"/>
            <a:ext cx="802128" cy="15388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dirty="0">
                <a:solidFill>
                  <a:schemeClr val="bg1"/>
                </a:solidFill>
              </a:rPr>
              <a:t>Meta Data</a:t>
            </a:r>
            <a:endParaRPr lang="en-US" sz="1000" kern="0" dirty="0">
              <a:solidFill>
                <a:schemeClr val="bg1"/>
              </a:solidFill>
            </a:endParaRPr>
          </a:p>
        </p:txBody>
      </p:sp>
      <p:graphicFrame>
        <p:nvGraphicFramePr>
          <p:cNvPr id="12" name="Content Placeholder 3">
            <a:extLst>
              <a:ext uri="{FF2B5EF4-FFF2-40B4-BE49-F238E27FC236}">
                <a16:creationId xmlns:a16="http://schemas.microsoft.com/office/drawing/2014/main" id="{D88BBBB7-39EE-46F4-A294-D6CD01805E7C}"/>
              </a:ext>
            </a:extLst>
          </p:cNvPr>
          <p:cNvGraphicFramePr>
            <a:graphicFrameLocks/>
          </p:cNvGraphicFramePr>
          <p:nvPr>
            <p:extLst>
              <p:ext uri="{D42A27DB-BD31-4B8C-83A1-F6EECF244321}">
                <p14:modId xmlns:p14="http://schemas.microsoft.com/office/powerpoint/2010/main" val="1775432965"/>
              </p:ext>
            </p:extLst>
          </p:nvPr>
        </p:nvGraphicFramePr>
        <p:xfrm>
          <a:off x="5396610" y="692350"/>
          <a:ext cx="3251535" cy="38297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3" name="Arrow: Down 12">
            <a:extLst>
              <a:ext uri="{FF2B5EF4-FFF2-40B4-BE49-F238E27FC236}">
                <a16:creationId xmlns:a16="http://schemas.microsoft.com/office/drawing/2014/main" id="{FA5A6719-FF50-4E00-98C5-D56F168976FD}"/>
              </a:ext>
            </a:extLst>
          </p:cNvPr>
          <p:cNvSpPr/>
          <p:nvPr/>
        </p:nvSpPr>
        <p:spPr>
          <a:xfrm>
            <a:off x="5099044" y="800817"/>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65362F3A-5CDF-443F-B122-16D87FC79A7D}"/>
              </a:ext>
            </a:extLst>
          </p:cNvPr>
          <p:cNvSpPr txBox="1"/>
          <p:nvPr/>
        </p:nvSpPr>
        <p:spPr>
          <a:xfrm>
            <a:off x="4731652" y="4359251"/>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18" name="TextBox 17">
            <a:extLst>
              <a:ext uri="{FF2B5EF4-FFF2-40B4-BE49-F238E27FC236}">
                <a16:creationId xmlns:a16="http://schemas.microsoft.com/office/drawing/2014/main" id="{E6DB6DCE-FE86-4EAB-B995-7089DFA6B3EF}"/>
              </a:ext>
            </a:extLst>
          </p:cNvPr>
          <p:cNvSpPr txBox="1"/>
          <p:nvPr/>
        </p:nvSpPr>
        <p:spPr>
          <a:xfrm>
            <a:off x="4744405" y="474294"/>
            <a:ext cx="917300" cy="307777"/>
          </a:xfrm>
          <a:prstGeom prst="rect">
            <a:avLst/>
          </a:prstGeom>
          <a:noFill/>
        </p:spPr>
        <p:txBody>
          <a:bodyPr wrap="square" rtlCol="0">
            <a:spAutoFit/>
          </a:bodyPr>
          <a:lstStyle/>
          <a:p>
            <a:pPr algn="ctr"/>
            <a:r>
              <a:rPr lang="en-US" sz="1400" b="1" dirty="0">
                <a:solidFill>
                  <a:srgbClr val="002060"/>
                </a:solidFill>
              </a:rPr>
              <a:t>Less</a:t>
            </a:r>
          </a:p>
        </p:txBody>
      </p:sp>
      <p:sp>
        <p:nvSpPr>
          <p:cNvPr id="29" name="Arrow: Down 28">
            <a:extLst>
              <a:ext uri="{FF2B5EF4-FFF2-40B4-BE49-F238E27FC236}">
                <a16:creationId xmlns:a16="http://schemas.microsoft.com/office/drawing/2014/main" id="{2DFDA0CF-5354-46D3-BA2F-1E002B800CD2}"/>
              </a:ext>
            </a:extLst>
          </p:cNvPr>
          <p:cNvSpPr/>
          <p:nvPr/>
        </p:nvSpPr>
        <p:spPr>
          <a:xfrm rot="10800000">
            <a:off x="8777080" y="769865"/>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BC960F58-5A86-4192-A7D0-B664572375DE}"/>
              </a:ext>
            </a:extLst>
          </p:cNvPr>
          <p:cNvSpPr txBox="1"/>
          <p:nvPr/>
        </p:nvSpPr>
        <p:spPr>
          <a:xfrm>
            <a:off x="8408908" y="4324821"/>
            <a:ext cx="917300" cy="307777"/>
          </a:xfrm>
          <a:prstGeom prst="rect">
            <a:avLst/>
          </a:prstGeom>
          <a:noFill/>
        </p:spPr>
        <p:txBody>
          <a:bodyPr wrap="square" rtlCol="0">
            <a:spAutoFit/>
          </a:bodyPr>
          <a:lstStyle>
            <a:defPPr>
              <a:defRPr lang="en-GB"/>
            </a:defPPr>
            <a:lvl1pPr algn="ctr">
              <a:defRPr sz="1400">
                <a:solidFill>
                  <a:srgbClr val="002060"/>
                </a:solidFill>
              </a:defRPr>
            </a:lvl1pPr>
          </a:lstStyle>
          <a:p>
            <a:r>
              <a:rPr lang="en-US" dirty="0"/>
              <a:t>Less</a:t>
            </a:r>
          </a:p>
        </p:txBody>
      </p:sp>
      <p:sp>
        <p:nvSpPr>
          <p:cNvPr id="31" name="TextBox 30">
            <a:extLst>
              <a:ext uri="{FF2B5EF4-FFF2-40B4-BE49-F238E27FC236}">
                <a16:creationId xmlns:a16="http://schemas.microsoft.com/office/drawing/2014/main" id="{C2172F0B-1A2B-4614-A963-53849F0870F1}"/>
              </a:ext>
            </a:extLst>
          </p:cNvPr>
          <p:cNvSpPr txBox="1"/>
          <p:nvPr/>
        </p:nvSpPr>
        <p:spPr>
          <a:xfrm>
            <a:off x="8422441" y="443342"/>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32" name="TextBox 31">
            <a:extLst>
              <a:ext uri="{FF2B5EF4-FFF2-40B4-BE49-F238E27FC236}">
                <a16:creationId xmlns:a16="http://schemas.microsoft.com/office/drawing/2014/main" id="{86FC7ABC-A6BB-4D69-83A0-5CE5F5683688}"/>
              </a:ext>
            </a:extLst>
          </p:cNvPr>
          <p:cNvSpPr txBox="1"/>
          <p:nvPr/>
        </p:nvSpPr>
        <p:spPr>
          <a:xfrm>
            <a:off x="7636983" y="895611"/>
            <a:ext cx="1433558" cy="307777"/>
          </a:xfrm>
          <a:prstGeom prst="rect">
            <a:avLst/>
          </a:prstGeom>
          <a:noFill/>
        </p:spPr>
        <p:txBody>
          <a:bodyPr wrap="square" rtlCol="0">
            <a:spAutoFit/>
          </a:bodyPr>
          <a:lstStyle/>
          <a:p>
            <a:pPr algn="ctr"/>
            <a:r>
              <a:rPr lang="en-US" sz="1400" b="1" dirty="0">
                <a:solidFill>
                  <a:srgbClr val="002060"/>
                </a:solidFill>
              </a:rPr>
              <a:t>Semantics</a:t>
            </a:r>
          </a:p>
        </p:txBody>
      </p:sp>
      <p:sp>
        <p:nvSpPr>
          <p:cNvPr id="33" name="TextBox 32">
            <a:extLst>
              <a:ext uri="{FF2B5EF4-FFF2-40B4-BE49-F238E27FC236}">
                <a16:creationId xmlns:a16="http://schemas.microsoft.com/office/drawing/2014/main" id="{3334869B-DFD9-4B8D-A8DD-30DE07DE7C3A}"/>
              </a:ext>
            </a:extLst>
          </p:cNvPr>
          <p:cNvSpPr txBox="1"/>
          <p:nvPr/>
        </p:nvSpPr>
        <p:spPr>
          <a:xfrm>
            <a:off x="5065487" y="800075"/>
            <a:ext cx="1433558" cy="523220"/>
          </a:xfrm>
          <a:prstGeom prst="rect">
            <a:avLst/>
          </a:prstGeom>
          <a:noFill/>
        </p:spPr>
        <p:txBody>
          <a:bodyPr wrap="square" rtlCol="0">
            <a:spAutoFit/>
          </a:bodyPr>
          <a:lstStyle/>
          <a:p>
            <a:pPr algn="ctr"/>
            <a:r>
              <a:rPr lang="en-US" sz="1400" b="1" dirty="0">
                <a:solidFill>
                  <a:srgbClr val="002060"/>
                </a:solidFill>
              </a:rPr>
              <a:t>Volume and Volatility</a:t>
            </a:r>
          </a:p>
        </p:txBody>
      </p:sp>
      <p:sp>
        <p:nvSpPr>
          <p:cNvPr id="34" name="TextBox 33">
            <a:extLst>
              <a:ext uri="{FF2B5EF4-FFF2-40B4-BE49-F238E27FC236}">
                <a16:creationId xmlns:a16="http://schemas.microsoft.com/office/drawing/2014/main" id="{B2D6D145-284F-403B-A27A-BE1AF2342271}"/>
              </a:ext>
            </a:extLst>
          </p:cNvPr>
          <p:cNvSpPr txBox="1"/>
          <p:nvPr/>
        </p:nvSpPr>
        <p:spPr>
          <a:xfrm rot="3978817">
            <a:off x="7333302" y="1866605"/>
            <a:ext cx="1473139" cy="523220"/>
          </a:xfrm>
          <a:prstGeom prst="rect">
            <a:avLst/>
          </a:prstGeom>
          <a:noFill/>
        </p:spPr>
        <p:txBody>
          <a:bodyPr wrap="square" rtlCol="0">
            <a:spAutoFit/>
          </a:bodyPr>
          <a:lstStyle/>
          <a:p>
            <a:pPr algn="ctr"/>
            <a:r>
              <a:rPr lang="en-US" sz="1400" dirty="0">
                <a:solidFill>
                  <a:srgbClr val="002060"/>
                </a:solidFill>
              </a:rPr>
              <a:t>Master Data Management</a:t>
            </a:r>
            <a:endParaRPr lang="en-US" sz="1400" b="1" dirty="0">
              <a:solidFill>
                <a:srgbClr val="002060"/>
              </a:solidFill>
            </a:endParaRPr>
          </a:p>
        </p:txBody>
      </p:sp>
      <p:sp>
        <p:nvSpPr>
          <p:cNvPr id="4" name="Right Brace 3">
            <a:extLst>
              <a:ext uri="{FF2B5EF4-FFF2-40B4-BE49-F238E27FC236}">
                <a16:creationId xmlns:a16="http://schemas.microsoft.com/office/drawing/2014/main" id="{68BACAB5-CCAD-4BB0-84C6-A67848FBB6AA}"/>
              </a:ext>
            </a:extLst>
          </p:cNvPr>
          <p:cNvSpPr/>
          <p:nvPr/>
        </p:nvSpPr>
        <p:spPr bwMode="auto">
          <a:xfrm rot="20233837">
            <a:off x="7656643" y="1235144"/>
            <a:ext cx="211681" cy="2043421"/>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3" name="Right Brace 22">
            <a:extLst>
              <a:ext uri="{FF2B5EF4-FFF2-40B4-BE49-F238E27FC236}">
                <a16:creationId xmlns:a16="http://schemas.microsoft.com/office/drawing/2014/main" id="{87776145-C6A7-4E3A-B786-EA8D7EABFD2A}"/>
              </a:ext>
            </a:extLst>
          </p:cNvPr>
          <p:cNvSpPr/>
          <p:nvPr/>
        </p:nvSpPr>
        <p:spPr bwMode="auto">
          <a:xfrm rot="12163305">
            <a:off x="6179114" y="1240613"/>
            <a:ext cx="229508" cy="2035323"/>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4" name="TextBox 23">
            <a:extLst>
              <a:ext uri="{FF2B5EF4-FFF2-40B4-BE49-F238E27FC236}">
                <a16:creationId xmlns:a16="http://schemas.microsoft.com/office/drawing/2014/main" id="{83B014F5-7C59-4C34-84C8-B0E088BAEC2D}"/>
              </a:ext>
            </a:extLst>
          </p:cNvPr>
          <p:cNvSpPr txBox="1"/>
          <p:nvPr/>
        </p:nvSpPr>
        <p:spPr>
          <a:xfrm rot="17527480">
            <a:off x="4953054" y="1755764"/>
            <a:ext cx="1930951" cy="738664"/>
          </a:xfrm>
          <a:prstGeom prst="rect">
            <a:avLst/>
          </a:prstGeom>
          <a:noFill/>
        </p:spPr>
        <p:txBody>
          <a:bodyPr wrap="square" rtlCol="0">
            <a:spAutoFit/>
          </a:bodyPr>
          <a:lstStyle/>
          <a:p>
            <a:pPr algn="ctr"/>
            <a:r>
              <a:rPr lang="en-US" sz="1400" dirty="0">
                <a:solidFill>
                  <a:srgbClr val="002060"/>
                </a:solidFill>
              </a:rPr>
              <a:t>Non transactional, Cross function, Business significant </a:t>
            </a:r>
            <a:endParaRPr lang="en-US" sz="1400" b="1" dirty="0">
              <a:solidFill>
                <a:srgbClr val="002060"/>
              </a:solidFill>
            </a:endParaRPr>
          </a:p>
        </p:txBody>
      </p:sp>
    </p:spTree>
    <p:extLst>
      <p:ext uri="{BB962C8B-B14F-4D97-AF65-F5344CB8AC3E}">
        <p14:creationId xmlns:p14="http://schemas.microsoft.com/office/powerpoint/2010/main" val="5443823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8EE5461-4101-49A9-A707-0A90845F1E43}">
  <ds:schemaRefs>
    <ds:schemaRef ds:uri="http://schemas.microsoft.com/sharepoint/v3/contenttype/forms"/>
  </ds:schemaRefs>
</ds:datastoreItem>
</file>

<file path=customXml/itemProps2.xml><?xml version="1.0" encoding="utf-8"?>
<ds:datastoreItem xmlns:ds="http://schemas.openxmlformats.org/officeDocument/2006/customXml" ds:itemID="{AD2C987D-4A47-4F11-8121-36694FAAAC40}">
  <ds:schemaRefs>
    <ds:schemaRef ds:uri="http://schemas.microsoft.com/office/infopath/2007/PartnerControls"/>
    <ds:schemaRef ds:uri="http://schemas.microsoft.com/office/2006/documentManagement/types"/>
    <ds:schemaRef ds:uri="http://purl.org/dc/elements/1.1/"/>
    <ds:schemaRef ds:uri="http://schemas.microsoft.com/office/2006/metadata/properties"/>
    <ds:schemaRef ds:uri="2fb88c42-9484-45db-b1a7-c717f8961fa6"/>
    <ds:schemaRef ds:uri="http://purl.org/dc/terms/"/>
    <ds:schemaRef ds:uri="http://schemas.openxmlformats.org/package/2006/metadata/core-properties"/>
    <ds:schemaRef ds:uri="http://purl.org/dc/dcmitype/"/>
    <ds:schemaRef ds:uri="d04553ff-5444-4dd5-ba90-cf9ec227a264"/>
    <ds:schemaRef ds:uri="http://www.w3.org/XML/1998/namespace"/>
  </ds:schemaRefs>
</ds:datastoreItem>
</file>

<file path=customXml/itemProps3.xml><?xml version="1.0" encoding="utf-8"?>
<ds:datastoreItem xmlns:ds="http://schemas.openxmlformats.org/officeDocument/2006/customXml" ds:itemID="{9660FBF8-9DE6-471E-913A-3152BA878B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27536</TotalTime>
  <Words>2183</Words>
  <Application>Microsoft Office PowerPoint</Application>
  <PresentationFormat>On-screen Show (16:9)</PresentationFormat>
  <Paragraphs>496</Paragraphs>
  <Slides>24</Slides>
  <Notes>16</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4</vt:i4>
      </vt:variant>
    </vt:vector>
  </HeadingPairs>
  <TitlesOfParts>
    <vt:vector size="31" baseType="lpstr">
      <vt:lpstr>Arial</vt:lpstr>
      <vt:lpstr>Calibri</vt:lpstr>
      <vt:lpstr>Comic Sans MS</vt:lpstr>
      <vt:lpstr>Lato Light</vt:lpstr>
      <vt:lpstr>Poppins</vt:lpstr>
      <vt:lpstr>Wingdings</vt:lpstr>
      <vt:lpstr>NG_PPT_16x9_Generic_template-blue</vt:lpstr>
      <vt:lpstr>Master Data Management for UK ET/GT </vt:lpstr>
      <vt:lpstr>Contents</vt:lpstr>
      <vt:lpstr>PowerPoint Presentation</vt:lpstr>
      <vt:lpstr>Why Master Data Management (MDM)?</vt:lpstr>
      <vt:lpstr>Business Demand for the Master Data Management</vt:lpstr>
      <vt:lpstr>PowerPoint Presentation</vt:lpstr>
      <vt:lpstr>PowerPoint Presentation</vt:lpstr>
      <vt:lpstr>PowerPoint Presentation</vt:lpstr>
      <vt:lpstr> Meta Data, Master Data, Transaction Data</vt:lpstr>
      <vt:lpstr>Example: UK Ellipse Work Order</vt:lpstr>
      <vt:lpstr>PowerPoint Presentation</vt:lpstr>
      <vt:lpstr>Master Data Management (MDM)</vt:lpstr>
      <vt:lpstr>PowerPoint Presentation</vt:lpstr>
      <vt:lpstr>Master Data Management High Level Architecture</vt:lpstr>
      <vt:lpstr>MDM implementation Style</vt:lpstr>
      <vt:lpstr>MDM implementation Style</vt:lpstr>
      <vt:lpstr>Benefits of Master Data Management </vt:lpstr>
      <vt:lpstr>Master Data Management Use Cases</vt:lpstr>
      <vt:lpstr>PowerPoint Presentation</vt:lpstr>
      <vt:lpstr>Data Capability Enablement Tools Roadmap (as of Feb 2021)</vt:lpstr>
      <vt:lpstr>Master Data Management Proposed Roadmap (Draft)</vt:lpstr>
      <vt:lpstr>UK Asset MDM Proposed Roadmap (Draft)</vt:lpstr>
      <vt:lpstr>Master Data Management Vendors/Tools</vt:lpstr>
      <vt:lpstr>PowerPoint Presentation</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18-08-10T07:16:05Z</cp:lastPrinted>
  <dcterms:created xsi:type="dcterms:W3CDTF">2018-09-19T13:44:21Z</dcterms:created>
  <dcterms:modified xsi:type="dcterms:W3CDTF">2021-02-25T14:08: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1AD0F478B68CCB418629D5A3D5ECB678</vt:lpwstr>
  </property>
</Properties>
</file>